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861087\Desktop\雑多\My Documents\バレーボール\道央クラブ連\R4\121011 交流大会\"/>
    </mc:Choice>
  </mc:AlternateContent>
  <bookViews>
    <workbookView xWindow="0" yWindow="1560" windowWidth="34860" windowHeight="21435" tabRatio="688" activeTab="2"/>
  </bookViews>
  <sheets>
    <sheet name="健康チェックシ－トの利用方法" sheetId="20" r:id="rId1"/>
    <sheet name="チ－ム名簿" sheetId="22" r:id="rId2"/>
    <sheet name="健康チェックシート(提出用）" sheetId="23" r:id="rId3"/>
    <sheet name="自己管理用" sheetId="19" r:id="rId4"/>
  </sheets>
  <definedNames>
    <definedName name="_xlnm.Print_Area" localSheetId="1">'チ－ム名簿'!$A$1:$F$33</definedName>
    <definedName name="_xlnm.Print_Area" localSheetId="2">'健康チェックシート(提出用）'!$A$1:$I$33</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43" i="19" l="1"/>
  <c r="H14" i="22"/>
  <c r="H15" i="22"/>
  <c r="H16" i="22"/>
  <c r="H17" i="22"/>
  <c r="H18" i="22"/>
  <c r="H19" i="22"/>
  <c r="H20" i="22"/>
  <c r="H21" i="22"/>
  <c r="H22" i="22"/>
  <c r="H23" i="22"/>
  <c r="H24" i="22"/>
  <c r="H25" i="22"/>
  <c r="H26" i="22"/>
  <c r="H27" i="22"/>
  <c r="H28" i="22"/>
  <c r="H29" i="22"/>
  <c r="H30" i="22"/>
  <c r="H31" i="22"/>
  <c r="H32" i="22"/>
  <c r="H13" i="22"/>
  <c r="G14" i="22"/>
  <c r="G15" i="22"/>
  <c r="G16" i="22"/>
  <c r="G17" i="22"/>
  <c r="G18" i="22"/>
  <c r="G19" i="22"/>
  <c r="G20" i="22"/>
  <c r="G21" i="22"/>
  <c r="G22" i="22"/>
  <c r="G23" i="22"/>
  <c r="G24" i="22"/>
  <c r="G25" i="22"/>
  <c r="G26" i="22"/>
  <c r="G27" i="22"/>
  <c r="G28" i="22"/>
  <c r="G29" i="22"/>
  <c r="G30" i="22"/>
  <c r="G31" i="22"/>
  <c r="G32" i="22"/>
  <c r="G13" i="22"/>
  <c r="G7" i="22"/>
  <c r="G8" i="22"/>
  <c r="G9" i="22"/>
  <c r="G10" i="22"/>
  <c r="G6" i="22"/>
  <c r="E7" i="22" s="1"/>
</calcChain>
</file>

<file path=xl/sharedStrings.xml><?xml version="1.0" encoding="utf-8"?>
<sst xmlns="http://schemas.openxmlformats.org/spreadsheetml/2006/main" count="115" uniqueCount="102">
  <si>
    <t>健康チェックシ－トの利用方法</t>
    <rPh sb="0" eb="2">
      <t>ケンコウ</t>
    </rPh>
    <rPh sb="10" eb="12">
      <t>リヨウ</t>
    </rPh>
    <rPh sb="12" eb="14">
      <t>ホウホウ</t>
    </rPh>
    <phoneticPr fontId="5"/>
  </si>
  <si>
    <t>い</t>
    <phoneticPr fontId="5"/>
  </si>
  <si>
    <t>１　チ－ム名簿について</t>
    <rPh sb="5" eb="7">
      <t>メイボ</t>
    </rPh>
    <phoneticPr fontId="5"/>
  </si>
  <si>
    <t>　今大会、各会場に入場可能なチ－ムスタッフ・選手等の名簿です。チ－ム全員の</t>
    <rPh sb="1" eb="4">
      <t>コンタイカイ</t>
    </rPh>
    <rPh sb="5" eb="8">
      <t>カクカイジョウ</t>
    </rPh>
    <rPh sb="9" eb="11">
      <t>ニュウジョウ</t>
    </rPh>
    <rPh sb="11" eb="13">
      <t>カノウ</t>
    </rPh>
    <rPh sb="22" eb="24">
      <t>センシュ</t>
    </rPh>
    <rPh sb="24" eb="25">
      <t>トウ</t>
    </rPh>
    <rPh sb="26" eb="28">
      <t>メイボ</t>
    </rPh>
    <rPh sb="34" eb="36">
      <t>ゼンイン</t>
    </rPh>
    <phoneticPr fontId="5"/>
  </si>
  <si>
    <r>
      <t>　</t>
    </r>
    <r>
      <rPr>
        <u/>
        <sz val="14"/>
        <color rgb="FF000000"/>
        <rFont val="ＭＳ Ｐゴシック"/>
        <family val="3"/>
        <charset val="128"/>
      </rPr>
      <t>健康チェックシ－トの表紙</t>
    </r>
    <r>
      <rPr>
        <sz val="14"/>
        <color rgb="FF000000"/>
        <rFont val="ＭＳ Ｐゴシック"/>
        <family val="3"/>
        <charset val="128"/>
      </rPr>
      <t>として会場入場の際に必ず提出して下さい。</t>
    </r>
    <rPh sb="16" eb="18">
      <t>カイジョウ</t>
    </rPh>
    <rPh sb="18" eb="20">
      <t>ニュウジョウ</t>
    </rPh>
    <rPh sb="21" eb="22">
      <t>サイ</t>
    </rPh>
    <rPh sb="23" eb="24">
      <t>カナラ</t>
    </rPh>
    <rPh sb="25" eb="27">
      <t>テイシュツ</t>
    </rPh>
    <rPh sb="29" eb="30">
      <t>クダ</t>
    </rPh>
    <phoneticPr fontId="5"/>
  </si>
  <si>
    <t>２　健康チェックシ－ト（自己管理用）について</t>
    <rPh sb="2" eb="4">
      <t>ケンコウ</t>
    </rPh>
    <rPh sb="12" eb="14">
      <t>ジコ</t>
    </rPh>
    <rPh sb="14" eb="17">
      <t>カンリヨウ</t>
    </rPh>
    <phoneticPr fontId="5"/>
  </si>
  <si>
    <t>　今大会の２週間前の1月21日（金）から体温の測定と体調確認を行うためのシ－トです。　</t>
    <rPh sb="1" eb="4">
      <t>コンタイカイ</t>
    </rPh>
    <rPh sb="6" eb="9">
      <t>シュウカンマエ</t>
    </rPh>
    <rPh sb="11" eb="12">
      <t>ガツ</t>
    </rPh>
    <rPh sb="14" eb="15">
      <t>ニチ</t>
    </rPh>
    <rPh sb="16" eb="17">
      <t>キン</t>
    </rPh>
    <rPh sb="20" eb="22">
      <t>タイオン</t>
    </rPh>
    <rPh sb="23" eb="25">
      <t>ソクテイ</t>
    </rPh>
    <rPh sb="26" eb="28">
      <t>タイチョウ</t>
    </rPh>
    <rPh sb="28" eb="30">
      <t>カクニン</t>
    </rPh>
    <rPh sb="31" eb="32">
      <t>オコナ</t>
    </rPh>
    <phoneticPr fontId="5"/>
  </si>
  <si>
    <t>　大会初日提出用を作成するためのものですので、提出する必要はありません。</t>
    <rPh sb="1" eb="3">
      <t>タイカイ</t>
    </rPh>
    <rPh sb="3" eb="5">
      <t>ショニチ</t>
    </rPh>
    <rPh sb="5" eb="7">
      <t>テイシュツ</t>
    </rPh>
    <rPh sb="7" eb="8">
      <t>ヨウ</t>
    </rPh>
    <rPh sb="9" eb="11">
      <t>サクセイ</t>
    </rPh>
    <rPh sb="23" eb="25">
      <t>テイシュツ</t>
    </rPh>
    <rPh sb="27" eb="29">
      <t>ヒツヨウ</t>
    </rPh>
    <phoneticPr fontId="5"/>
  </si>
  <si>
    <t>３　健康チェックシ－ト（大会１日目提出用）について</t>
    <rPh sb="2" eb="4">
      <t>ケンコウ</t>
    </rPh>
    <rPh sb="12" eb="14">
      <t>タイカイ</t>
    </rPh>
    <rPh sb="15" eb="17">
      <t>ニチメ</t>
    </rPh>
    <rPh sb="17" eb="19">
      <t>テイシュツ</t>
    </rPh>
    <rPh sb="19" eb="20">
      <t>ヨウ</t>
    </rPh>
    <phoneticPr fontId="5"/>
  </si>
  <si>
    <t>　①チ－ム名簿に記載されているすべての方の提出が必要です。用紙の提出のない方は</t>
    <rPh sb="5" eb="7">
      <t>メイボ</t>
    </rPh>
    <rPh sb="8" eb="10">
      <t>キサイ</t>
    </rPh>
    <rPh sb="19" eb="20">
      <t>カタ</t>
    </rPh>
    <rPh sb="21" eb="23">
      <t>テイシュツ</t>
    </rPh>
    <rPh sb="24" eb="26">
      <t>ヒツヨウ</t>
    </rPh>
    <rPh sb="29" eb="31">
      <t>ヨウシ</t>
    </rPh>
    <rPh sb="32" eb="34">
      <t>テイシュツ</t>
    </rPh>
    <rPh sb="37" eb="38">
      <t>カタ</t>
    </rPh>
    <phoneticPr fontId="5"/>
  </si>
  <si>
    <t>　　入場できません。</t>
    <rPh sb="2" eb="4">
      <t>ニュウジョウ</t>
    </rPh>
    <phoneticPr fontId="5"/>
  </si>
  <si>
    <r>
      <t>　②</t>
    </r>
    <r>
      <rPr>
        <b/>
        <u/>
        <sz val="14"/>
        <color rgb="FF000000"/>
        <rFont val="ＭＳ Ｐゴシック"/>
        <family val="3"/>
        <charset val="128"/>
      </rPr>
      <t>各項目について、必ず入力または記入をお願いします</t>
    </r>
    <r>
      <rPr>
        <sz val="14"/>
        <color rgb="FF000000"/>
        <rFont val="ＭＳ Ｐゴシック"/>
        <family val="3"/>
        <charset val="128"/>
      </rPr>
      <t>。</t>
    </r>
    <rPh sb="2" eb="3">
      <t>カク</t>
    </rPh>
    <rPh sb="3" eb="5">
      <t>コウモク</t>
    </rPh>
    <rPh sb="10" eb="11">
      <t>カナラ</t>
    </rPh>
    <rPh sb="12" eb="14">
      <t>ニュウリョク</t>
    </rPh>
    <rPh sb="17" eb="19">
      <t>キニュウ</t>
    </rPh>
    <rPh sb="21" eb="22">
      <t>ネガ</t>
    </rPh>
    <phoneticPr fontId="5"/>
  </si>
  <si>
    <t>　③入場受付時に、『チ－ム名簿』を表紙に、チ－ム名簿順（顧問・外部指導者→選手・</t>
    <rPh sb="2" eb="4">
      <t>ニュウジョウ</t>
    </rPh>
    <rPh sb="4" eb="6">
      <t>ウケツケ</t>
    </rPh>
    <rPh sb="6" eb="7">
      <t>ジ</t>
    </rPh>
    <rPh sb="13" eb="15">
      <t>メイボ</t>
    </rPh>
    <rPh sb="17" eb="19">
      <t>ヒョウシ</t>
    </rPh>
    <rPh sb="24" eb="26">
      <t>メイボ</t>
    </rPh>
    <rPh sb="26" eb="27">
      <t>ジュン</t>
    </rPh>
    <rPh sb="28" eb="30">
      <t>コモン</t>
    </rPh>
    <rPh sb="31" eb="33">
      <t>ガイブ</t>
    </rPh>
    <rPh sb="33" eb="36">
      <t>シドウシャ</t>
    </rPh>
    <rPh sb="37" eb="39">
      <t>センシュ</t>
    </rPh>
    <phoneticPr fontId="5"/>
  </si>
  <si>
    <t>　　マネ－ジャ－）に束ねて提出して下さい。</t>
    <rPh sb="17" eb="18">
      <t>クダ</t>
    </rPh>
    <phoneticPr fontId="5"/>
  </si>
  <si>
    <t>４　健康チェックシ－ト（大会２日目・３日目提出用）について</t>
    <rPh sb="2" eb="4">
      <t>ケンコウ</t>
    </rPh>
    <rPh sb="12" eb="14">
      <t>タイカイ</t>
    </rPh>
    <rPh sb="15" eb="17">
      <t>ニチメ</t>
    </rPh>
    <rPh sb="19" eb="21">
      <t>ニチメ</t>
    </rPh>
    <rPh sb="21" eb="23">
      <t>テイシュツ</t>
    </rPh>
    <rPh sb="23" eb="24">
      <t>ヨウ</t>
    </rPh>
    <phoneticPr fontId="5"/>
  </si>
  <si>
    <t>　大会２日目・３日目にそれぞれ必要事項を記入し提出して下さい。提出要領は大会１日目</t>
    <rPh sb="1" eb="3">
      <t>タイカイ</t>
    </rPh>
    <rPh sb="4" eb="6">
      <t>ニチメ</t>
    </rPh>
    <rPh sb="8" eb="10">
      <t>ニチメ</t>
    </rPh>
    <rPh sb="15" eb="17">
      <t>ヒツヨウ</t>
    </rPh>
    <rPh sb="17" eb="19">
      <t>ジコウ</t>
    </rPh>
    <rPh sb="20" eb="22">
      <t>キニュウ</t>
    </rPh>
    <rPh sb="23" eb="25">
      <t>テイシュツ</t>
    </rPh>
    <rPh sb="27" eb="28">
      <t>クダ</t>
    </rPh>
    <rPh sb="31" eb="33">
      <t>テイシュツ</t>
    </rPh>
    <rPh sb="33" eb="35">
      <t>ヨウリョウ</t>
    </rPh>
    <rPh sb="36" eb="38">
      <t>タイカイ</t>
    </rPh>
    <rPh sb="39" eb="41">
      <t>ニチメ</t>
    </rPh>
    <phoneticPr fontId="5"/>
  </si>
  <si>
    <t>　と変わりありません。</t>
    <rPh sb="2" eb="3">
      <t>カ</t>
    </rPh>
    <phoneticPr fontId="5"/>
  </si>
  <si>
    <t>※どちらかに○印をつけて下さい。</t>
    <rPh sb="7" eb="8">
      <t>シルシ</t>
    </rPh>
    <rPh sb="12" eb="13">
      <t>クダ</t>
    </rPh>
    <phoneticPr fontId="5"/>
  </si>
  <si>
    <t>A</t>
    <phoneticPr fontId="5"/>
  </si>
  <si>
    <t>B</t>
    <phoneticPr fontId="5"/>
  </si>
  <si>
    <t>健康チェックシート（自己管理用）</t>
    <rPh sb="0" eb="2">
      <t>ケンコウ</t>
    </rPh>
    <rPh sb="10" eb="12">
      <t>ジコ</t>
    </rPh>
    <rPh sb="12" eb="15">
      <t>カンリヨウ</t>
    </rPh>
    <phoneticPr fontId="15"/>
  </si>
  <si>
    <t>●大会に参加を希望している人は自身の体調チェックを毎日実施してください</t>
    <rPh sb="1" eb="3">
      <t>タイカイ</t>
    </rPh>
    <rPh sb="4" eb="6">
      <t>サンカ</t>
    </rPh>
    <rPh sb="7" eb="9">
      <t>キボウ</t>
    </rPh>
    <rPh sb="13" eb="14">
      <t>ヒト</t>
    </rPh>
    <rPh sb="15" eb="17">
      <t>ジシン</t>
    </rPh>
    <rPh sb="18" eb="20">
      <t>タイチョウ</t>
    </rPh>
    <rPh sb="25" eb="27">
      <t>マイニチ</t>
    </rPh>
    <rPh sb="27" eb="29">
      <t>ジッシ</t>
    </rPh>
    <phoneticPr fontId="15"/>
  </si>
  <si>
    <t>●毎朝、体温測定と症状（のどの痛み・咳・倦怠感・頭痛・食欲低下など）のチェックをお願いします。</t>
    <rPh sb="15" eb="16">
      <t>イタ</t>
    </rPh>
    <rPh sb="18" eb="19">
      <t>セキ</t>
    </rPh>
    <rPh sb="20" eb="23">
      <t>ケンタイカン</t>
    </rPh>
    <rPh sb="24" eb="26">
      <t>ズツウ</t>
    </rPh>
    <rPh sb="27" eb="29">
      <t>ショクヨク</t>
    </rPh>
    <rPh sb="29" eb="31">
      <t>テイカ</t>
    </rPh>
    <phoneticPr fontId="5"/>
  </si>
  <si>
    <t>●もし気になる症状が現れたときには、速やかに最寄りの病院、保健所・帰国者・接触者電話相談センターへご連絡ください。</t>
    <rPh sb="26" eb="28">
      <t>ビョウイン</t>
    </rPh>
    <phoneticPr fontId="15"/>
  </si>
  <si>
    <t>●大会・講習会等に参加する場合、主催者の求めに応じて、この体調チェックシートを基に「提出用シート」に記載をし提出ください。</t>
    <rPh sb="1" eb="3">
      <t>タイカイ</t>
    </rPh>
    <rPh sb="4" eb="7">
      <t>コウシュウカイ</t>
    </rPh>
    <rPh sb="7" eb="8">
      <t>トウ</t>
    </rPh>
    <rPh sb="9" eb="11">
      <t>サンカ</t>
    </rPh>
    <rPh sb="13" eb="15">
      <t>バアイ</t>
    </rPh>
    <rPh sb="16" eb="19">
      <t>シュサイシャ</t>
    </rPh>
    <rPh sb="20" eb="21">
      <t>モト</t>
    </rPh>
    <rPh sb="23" eb="24">
      <t>オウ</t>
    </rPh>
    <rPh sb="29" eb="31">
      <t>タイチョウ</t>
    </rPh>
    <rPh sb="39" eb="40">
      <t>モト</t>
    </rPh>
    <rPh sb="42" eb="45">
      <t>テイシュツヨウ</t>
    </rPh>
    <rPh sb="50" eb="52">
      <t>キサイ</t>
    </rPh>
    <rPh sb="54" eb="56">
      <t>テイシュツ</t>
    </rPh>
    <phoneticPr fontId="15"/>
  </si>
  <si>
    <t>平熱</t>
    <rPh sb="0" eb="2">
      <t>ヘイネツ</t>
    </rPh>
    <phoneticPr fontId="15"/>
  </si>
  <si>
    <t>　　　　　　　　　　　　　　　　　　　℃</t>
    <phoneticPr fontId="5"/>
  </si>
  <si>
    <t>NO</t>
    <phoneticPr fontId="15"/>
  </si>
  <si>
    <t>月日</t>
    <rPh sb="0" eb="2">
      <t>ツキヒ</t>
    </rPh>
    <phoneticPr fontId="15"/>
  </si>
  <si>
    <t>曜日</t>
    <rPh sb="0" eb="1">
      <t>ヨウ</t>
    </rPh>
    <rPh sb="1" eb="2">
      <t>ヒ</t>
    </rPh>
    <phoneticPr fontId="15"/>
  </si>
  <si>
    <t>起床時体温</t>
    <rPh sb="0" eb="3">
      <t>キショウジ</t>
    </rPh>
    <rPh sb="3" eb="5">
      <t>タイオン</t>
    </rPh>
    <phoneticPr fontId="15"/>
  </si>
  <si>
    <t>体調確認（のどの痛み・咳・倦怠感・頭痛・食欲低下等）</t>
    <rPh sb="0" eb="2">
      <t>タイチョウ</t>
    </rPh>
    <rPh sb="2" eb="4">
      <t>カクニン</t>
    </rPh>
    <phoneticPr fontId="15"/>
  </si>
  <si>
    <t>味覚・嗅覚異常</t>
    <rPh sb="0" eb="2">
      <t>ミカク</t>
    </rPh>
    <rPh sb="3" eb="5">
      <t>キュウカク</t>
    </rPh>
    <rPh sb="5" eb="7">
      <t>イジョウ</t>
    </rPh>
    <phoneticPr fontId="15"/>
  </si>
  <si>
    <t>行動記録</t>
    <rPh sb="0" eb="2">
      <t>コウドウ</t>
    </rPh>
    <rPh sb="2" eb="4">
      <t>キロク</t>
    </rPh>
    <phoneticPr fontId="15"/>
  </si>
  <si>
    <t>なし</t>
    <phoneticPr fontId="5"/>
  </si>
  <si>
    <t>あり</t>
    <phoneticPr fontId="5"/>
  </si>
  <si>
    <t>（ありの場合は具体的に）</t>
    <rPh sb="4" eb="6">
      <t>バアイ</t>
    </rPh>
    <rPh sb="7" eb="9">
      <t>グタイ</t>
    </rPh>
    <rPh sb="9" eb="10">
      <t>テキ</t>
    </rPh>
    <phoneticPr fontId="15"/>
  </si>
  <si>
    <t>なし</t>
  </si>
  <si>
    <t>あり</t>
  </si>
  <si>
    <t>例</t>
    <rPh sb="0" eb="1">
      <t>レイ</t>
    </rPh>
    <phoneticPr fontId="15"/>
  </si>
  <si>
    <t>木</t>
    <rPh sb="0" eb="1">
      <t>モク</t>
    </rPh>
    <phoneticPr fontId="15"/>
  </si>
  <si>
    <t>〇</t>
    <phoneticPr fontId="5"/>
  </si>
  <si>
    <t>のどの痛み</t>
    <rPh sb="3" eb="4">
      <t>イタ</t>
    </rPh>
    <phoneticPr fontId="5"/>
  </si>
  <si>
    <t>感染者との濃厚接触
海外・県外等への移動　　　　等</t>
    <rPh sb="0" eb="3">
      <t>カンセンシャ</t>
    </rPh>
    <rPh sb="5" eb="7">
      <t>ノウコウ</t>
    </rPh>
    <rPh sb="7" eb="9">
      <t>セッショク</t>
    </rPh>
    <rPh sb="10" eb="12">
      <t>カイガイ</t>
    </rPh>
    <rPh sb="13" eb="15">
      <t>ケンガイ</t>
    </rPh>
    <rPh sb="15" eb="16">
      <t>トウ</t>
    </rPh>
    <rPh sb="18" eb="20">
      <t>イドウ</t>
    </rPh>
    <rPh sb="24" eb="25">
      <t>トウ</t>
    </rPh>
    <phoneticPr fontId="15"/>
  </si>
  <si>
    <t>土</t>
  </si>
  <si>
    <t>日</t>
  </si>
  <si>
    <t>月</t>
  </si>
  <si>
    <t>火</t>
  </si>
  <si>
    <t>水</t>
  </si>
  <si>
    <t>木</t>
  </si>
  <si>
    <t>金</t>
  </si>
  <si>
    <r>
      <t>平均</t>
    </r>
    <r>
      <rPr>
        <sz val="11"/>
        <color theme="1"/>
        <rFont val="Meiryo UI"/>
        <family val="3"/>
        <charset val="128"/>
      </rPr>
      <t>（自動計算⇒）</t>
    </r>
    <rPh sb="0" eb="2">
      <t>ヘイキン</t>
    </rPh>
    <rPh sb="3" eb="5">
      <t>ジドウ</t>
    </rPh>
    <rPh sb="5" eb="7">
      <t>ケイサン</t>
    </rPh>
    <phoneticPr fontId="15"/>
  </si>
  <si>
    <t>平熱の参考としてください</t>
    <rPh sb="0" eb="2">
      <t>ヘイネツ</t>
    </rPh>
    <rPh sb="3" eb="5">
      <t>サンコウ</t>
    </rPh>
    <phoneticPr fontId="15"/>
  </si>
  <si>
    <t>＜基本情報＞</t>
    <rPh sb="1" eb="3">
      <t>キホン</t>
    </rPh>
    <rPh sb="3" eb="5">
      <t>ジョウホウ</t>
    </rPh>
    <phoneticPr fontId="9"/>
  </si>
  <si>
    <t>↓この欄には○印を記入して下さい。</t>
    <rPh sb="3" eb="4">
      <t>ラン</t>
    </rPh>
    <rPh sb="6" eb="11">
      <t>マルシルシヲキニュウ</t>
    </rPh>
    <rPh sb="13" eb="14">
      <t>クダ</t>
    </rPh>
    <phoneticPr fontId="5"/>
  </si>
  <si>
    <t>フリガナ</t>
    <phoneticPr fontId="9"/>
  </si>
  <si>
    <t>生年月日</t>
    <rPh sb="0" eb="4">
      <t>セイネンガッピ</t>
    </rPh>
    <phoneticPr fontId="9"/>
  </si>
  <si>
    <t>西暦　　　　　年</t>
    <rPh sb="0" eb="2">
      <t>セイレキ</t>
    </rPh>
    <rPh sb="7" eb="8">
      <t>ネン</t>
    </rPh>
    <phoneticPr fontId="9"/>
  </si>
  <si>
    <t>月</t>
    <rPh sb="0" eb="1">
      <t>ツキ</t>
    </rPh>
    <phoneticPr fontId="9"/>
  </si>
  <si>
    <t>氏名</t>
    <rPh sb="0" eb="2">
      <t>シメイ</t>
    </rPh>
    <phoneticPr fontId="9"/>
  </si>
  <si>
    <t>日付</t>
    <rPh sb="0" eb="2">
      <t>ヒヅケ</t>
    </rPh>
    <phoneticPr fontId="9"/>
  </si>
  <si>
    <t>起床時体温</t>
    <rPh sb="0" eb="3">
      <t>キショウジ</t>
    </rPh>
    <rPh sb="3" eb="5">
      <t>タイオン</t>
    </rPh>
    <phoneticPr fontId="9"/>
  </si>
  <si>
    <t>℃</t>
    <phoneticPr fontId="9"/>
  </si>
  <si>
    <t>チェック項目</t>
    <rPh sb="4" eb="6">
      <t>コウモク</t>
    </rPh>
    <phoneticPr fontId="9"/>
  </si>
  <si>
    <t>チェック欄</t>
    <rPh sb="4" eb="5">
      <t>ラン</t>
    </rPh>
    <phoneticPr fontId="9"/>
  </si>
  <si>
    <t>①　平熱を超える発熱がない</t>
    <phoneticPr fontId="9"/>
  </si>
  <si>
    <t>②　咳（せき）、のどの痛み等の風邪症状がない</t>
    <rPh sb="13" eb="14">
      <t>トウ</t>
    </rPh>
    <phoneticPr fontId="9"/>
  </si>
  <si>
    <t>③　だるさ（倦怠感）、息苦しさ（呼吸困難）がない</t>
    <phoneticPr fontId="9"/>
  </si>
  <si>
    <t>④　臭覚や味覚の異常がない</t>
    <phoneticPr fontId="9"/>
  </si>
  <si>
    <t>⑤　体が重く感じる、疲れやすい等の症状がない</t>
    <rPh sb="17" eb="19">
      <t>ショウジョウ</t>
    </rPh>
    <phoneticPr fontId="9"/>
  </si>
  <si>
    <t>⑥　新型コロナウイルス感染症陽性とされた者との濃厚接触がない</t>
    <phoneticPr fontId="9"/>
  </si>
  <si>
    <t>⑦　同居家族や身近な知人に感染が疑われる方がいない</t>
    <phoneticPr fontId="9"/>
  </si>
  <si>
    <t>⑧　過去１４日以内に政府から入国制限、入国後の観察期間が必要とされている国、地域等　　</t>
    <phoneticPr fontId="9"/>
  </si>
  <si>
    <t>　　 への渡航または当該在住者との濃厚接触がない</t>
    <rPh sb="5" eb="7">
      <t>トコウ</t>
    </rPh>
    <rPh sb="10" eb="12">
      <t>トウガイ</t>
    </rPh>
    <rPh sb="12" eb="15">
      <t>ザイジュウシャ</t>
    </rPh>
    <rPh sb="17" eb="19">
      <t>ノウコウ</t>
    </rPh>
    <rPh sb="19" eb="21">
      <t>セッショク</t>
    </rPh>
    <phoneticPr fontId="5"/>
  </si>
  <si>
    <t>⑨　その他、気になること（以下に自由記述）</t>
    <rPh sb="4" eb="5">
      <t>タ</t>
    </rPh>
    <rPh sb="6" eb="7">
      <t>キ</t>
    </rPh>
    <rPh sb="13" eb="15">
      <t>イカ</t>
    </rPh>
    <rPh sb="16" eb="18">
      <t>ジユウ</t>
    </rPh>
    <rPh sb="18" eb="20">
      <t>キジュツ</t>
    </rPh>
    <phoneticPr fontId="9"/>
  </si>
  <si>
    <t>確認日</t>
    <rPh sb="0" eb="2">
      <t>カクニン</t>
    </rPh>
    <rPh sb="2" eb="3">
      <t>ビ</t>
    </rPh>
    <phoneticPr fontId="9"/>
  </si>
  <si>
    <t>チーム名</t>
    <rPh sb="3" eb="4">
      <t>メイ</t>
    </rPh>
    <phoneticPr fontId="5"/>
  </si>
  <si>
    <t>監督・コーチ・マネージャー氏名</t>
    <rPh sb="0" eb="2">
      <t>カントク</t>
    </rPh>
    <rPh sb="13" eb="15">
      <t>シメイ</t>
    </rPh>
    <phoneticPr fontId="5"/>
  </si>
  <si>
    <t>選手・帯同者　氏名</t>
    <rPh sb="0" eb="2">
      <t>センシュ</t>
    </rPh>
    <rPh sb="3" eb="6">
      <t>タイドウシャ</t>
    </rPh>
    <rPh sb="7" eb="9">
      <t>シメイ</t>
    </rPh>
    <phoneticPr fontId="5"/>
  </si>
  <si>
    <t>合計 (A+B）</t>
    <rPh sb="0" eb="2">
      <t>ゴウケイ</t>
    </rPh>
    <phoneticPr fontId="5"/>
  </si>
  <si>
    <t>人</t>
    <rPh sb="0" eb="1">
      <t>ニン</t>
    </rPh>
    <phoneticPr fontId="5"/>
  </si>
  <si>
    <t>監督 ・ コーチ ・ マネ－ジャ－ ・ 選手 ・ 帯同者</t>
    <rPh sb="0" eb="2">
      <t>カントク</t>
    </rPh>
    <rPh sb="20" eb="22">
      <t>センシュ</t>
    </rPh>
    <rPh sb="25" eb="28">
      <t>タイドウシャ</t>
    </rPh>
    <phoneticPr fontId="5"/>
  </si>
  <si>
    <t>種目</t>
    <rPh sb="0" eb="2">
      <t>シュモク</t>
    </rPh>
    <phoneticPr fontId="5"/>
  </si>
  <si>
    <t>（令和4年度北海道クラブバレーボール連盟社会人9人制バレーボール大会用）</t>
    <rPh sb="1" eb="3">
      <t>レイワ</t>
    </rPh>
    <rPh sb="4" eb="6">
      <t>ネンド</t>
    </rPh>
    <rPh sb="6" eb="9">
      <t>ホッカイドウ</t>
    </rPh>
    <rPh sb="18" eb="20">
      <t>レンメイ</t>
    </rPh>
    <rPh sb="20" eb="22">
      <t>シャカイ</t>
    </rPh>
    <rPh sb="22" eb="23">
      <t>ジン</t>
    </rPh>
    <rPh sb="24" eb="26">
      <t>ニンセイ</t>
    </rPh>
    <rPh sb="32" eb="34">
      <t>タイカイ</t>
    </rPh>
    <rPh sb="34" eb="35">
      <t>ヨウ</t>
    </rPh>
    <phoneticPr fontId="5"/>
  </si>
  <si>
    <t>４号球</t>
  </si>
  <si>
    <t>健康チェックシート（提出用）</t>
    <rPh sb="10" eb="12">
      <t>テイシュツ</t>
    </rPh>
    <rPh sb="12" eb="13">
      <t>ヨウ</t>
    </rPh>
    <phoneticPr fontId="9"/>
  </si>
  <si>
    <t>本健康チェックシートは、JVAの加盟団体が開催する各種大会・講習会において、新型コロナウイルス感染症の拡大を防止するため、来館者の健康状態を確認することを目的としています。
本健康チェックシートに記入いただいた個人情報について、各協会及び主催者は、厳正なる管理のもとに保管し、大会・講習会等運営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30" eb="33">
      <t>コウシュウカイ</t>
    </rPh>
    <rPh sb="61" eb="63">
      <t>ライカン</t>
    </rPh>
    <rPh sb="114" eb="115">
      <t>カク</t>
    </rPh>
    <rPh sb="117" eb="118">
      <t>オヨ</t>
    </rPh>
    <rPh sb="119" eb="122">
      <t>シュサイシャ</t>
    </rPh>
    <rPh sb="138" eb="140">
      <t>タイカイ</t>
    </rPh>
    <rPh sb="141" eb="143">
      <t>コウシュウ</t>
    </rPh>
    <rPh sb="143" eb="144">
      <t>カイ</t>
    </rPh>
    <rPh sb="144" eb="145">
      <t>トウ</t>
    </rPh>
    <rPh sb="145" eb="147">
      <t>ウンエイ</t>
    </rPh>
    <phoneticPr fontId="9"/>
  </si>
  <si>
    <t>チーム名
又は
所　　属</t>
    <rPh sb="3" eb="4">
      <t>メイ</t>
    </rPh>
    <rPh sb="5" eb="6">
      <t>マタ</t>
    </rPh>
    <rPh sb="8" eb="9">
      <t>ショ</t>
    </rPh>
    <rPh sb="11" eb="12">
      <t>ゾク</t>
    </rPh>
    <phoneticPr fontId="9"/>
  </si>
  <si>
    <t>日 （　　　歳）</t>
    <rPh sb="0" eb="1">
      <t>ヒ</t>
    </rPh>
    <rPh sb="6" eb="7">
      <t>サイ</t>
    </rPh>
    <phoneticPr fontId="9"/>
  </si>
  <si>
    <t>携帯電話番号</t>
    <rPh sb="0" eb="2">
      <t>ケイタイ</t>
    </rPh>
    <rPh sb="2" eb="6">
      <t>デンワバンゴウ</t>
    </rPh>
    <phoneticPr fontId="9"/>
  </si>
  <si>
    <t>Eメール
アドレス</t>
    <phoneticPr fontId="9"/>
  </si>
  <si>
    <t>自宅住所</t>
    <rPh sb="0" eb="2">
      <t>ジタク</t>
    </rPh>
    <rPh sb="2" eb="4">
      <t>ジュウショ</t>
    </rPh>
    <phoneticPr fontId="9"/>
  </si>
  <si>
    <t>〒</t>
    <phoneticPr fontId="9"/>
  </si>
  <si>
    <t>＜大会当日の体温＞</t>
    <rPh sb="1" eb="3">
      <t>タイカイ</t>
    </rPh>
    <rPh sb="3" eb="5">
      <t>トウジツ</t>
    </rPh>
    <rPh sb="6" eb="8">
      <t>タイオン</t>
    </rPh>
    <phoneticPr fontId="9"/>
  </si>
  <si>
    <t>/ 　　 (    )</t>
    <phoneticPr fontId="9"/>
  </si>
  <si>
    <t>＜大会前２週間における健康状態＞　　※該当するものに「✓」を記入してください。</t>
    <rPh sb="1" eb="3">
      <t>タイカイ</t>
    </rPh>
    <rPh sb="11" eb="13">
      <t>ケンコウ</t>
    </rPh>
    <rPh sb="13" eb="15">
      <t>ジョウタイ</t>
    </rPh>
    <rPh sb="19" eb="21">
      <t>ガイトウ</t>
    </rPh>
    <rPh sb="30" eb="32">
      <t>キニュウ</t>
    </rPh>
    <phoneticPr fontId="9"/>
  </si>
  <si>
    <t>西暦</t>
    <rPh sb="0" eb="2">
      <t>セイレキ</t>
    </rPh>
    <phoneticPr fontId="5"/>
  </si>
  <si>
    <t>年</t>
    <rPh sb="0" eb="1">
      <t>ネン</t>
    </rPh>
    <phoneticPr fontId="5"/>
  </si>
  <si>
    <t>月</t>
    <rPh sb="0" eb="1">
      <t>ガツ</t>
    </rPh>
    <phoneticPr fontId="9"/>
  </si>
  <si>
    <t>日</t>
    <rPh sb="0" eb="1">
      <t>ニチ</t>
    </rPh>
    <phoneticPr fontId="5"/>
  </si>
  <si>
    <t>＜令和4年度道央クラブバレーボール連盟交流大会チーム名簿＞</t>
    <rPh sb="1" eb="3">
      <t>レイワ</t>
    </rPh>
    <rPh sb="4" eb="6">
      <t>ネンド</t>
    </rPh>
    <rPh sb="6" eb="8">
      <t>ドウオウ</t>
    </rPh>
    <rPh sb="19" eb="21">
      <t>コウリュウ</t>
    </rPh>
    <rPh sb="21" eb="23">
      <t>タイカイ</t>
    </rPh>
    <rPh sb="26" eb="28">
      <t>メイボ</t>
    </rPh>
    <phoneticPr fontId="5"/>
  </si>
  <si>
    <t>＜令和4年度道央クラブバレーボール連盟交流大会＞</t>
    <rPh sb="1" eb="3">
      <t>レイワ</t>
    </rPh>
    <rPh sb="4" eb="6">
      <t>ネンド</t>
    </rPh>
    <rPh sb="6" eb="8">
      <t>ドウオウ</t>
    </rPh>
    <rPh sb="17" eb="19">
      <t>レンメイ</t>
    </rPh>
    <rPh sb="19" eb="21">
      <t>コウリュウ</t>
    </rPh>
    <rPh sb="21" eb="23">
      <t>タイカ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0;\-0;;@"/>
  </numFmts>
  <fonts count="44" x14ac:knownFonts="1">
    <font>
      <sz val="10"/>
      <color rgb="FF000000"/>
      <name val="Arial"/>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6"/>
      <name val="ＭＳ Ｐゴシック"/>
      <family val="3"/>
      <charset val="128"/>
    </font>
    <font>
      <sz val="11"/>
      <color theme="1"/>
      <name val="Meiryo UI"/>
      <family val="3"/>
      <charset val="128"/>
    </font>
    <font>
      <sz val="11"/>
      <name val="Meiryo UI"/>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1"/>
      <color rgb="FFFF0000"/>
      <name val="Meiryo UI"/>
      <family val="3"/>
      <charset val="128"/>
    </font>
    <font>
      <b/>
      <sz val="11"/>
      <color rgb="FFFF0000"/>
      <name val="Meiryo UI"/>
      <family val="3"/>
      <charset val="128"/>
    </font>
    <font>
      <sz val="18"/>
      <color theme="1"/>
      <name val="Meiryo UI"/>
      <family val="3"/>
      <charset val="128"/>
    </font>
    <font>
      <sz val="6"/>
      <name val="Arial"/>
      <family val="3"/>
      <charset val="128"/>
      <scheme val="minor"/>
    </font>
    <font>
      <sz val="14"/>
      <color theme="1"/>
      <name val="Meiryo UI"/>
      <family val="3"/>
      <charset val="128"/>
    </font>
    <font>
      <sz val="12"/>
      <name val="Meiryo UI"/>
      <family val="3"/>
      <charset val="128"/>
    </font>
    <font>
      <sz val="12"/>
      <color theme="1"/>
      <name val="Meiryo UI"/>
      <family val="3"/>
      <charset val="128"/>
    </font>
    <font>
      <b/>
      <sz val="22"/>
      <color theme="0"/>
      <name val="Meiryo UI"/>
      <family val="3"/>
      <charset val="128"/>
    </font>
    <font>
      <sz val="16"/>
      <name val="Meiryo UI"/>
      <family val="3"/>
      <charset val="128"/>
    </font>
    <font>
      <sz val="14"/>
      <name val="Meiryo UI"/>
      <family val="3"/>
      <charset val="128"/>
    </font>
    <font>
      <sz val="13"/>
      <color theme="1"/>
      <name val="Meiryo UI"/>
      <family val="3"/>
      <charset val="128"/>
    </font>
    <font>
      <sz val="20"/>
      <color theme="1"/>
      <name val="Meiryo UI"/>
      <family val="3"/>
      <charset val="128"/>
    </font>
    <font>
      <sz val="10"/>
      <color rgb="FF000000"/>
      <name val="Arial"/>
      <family val="2"/>
    </font>
    <font>
      <sz val="16"/>
      <color theme="1"/>
      <name val="Meiryo UI"/>
      <family val="3"/>
      <charset val="128"/>
    </font>
    <font>
      <sz val="16"/>
      <color rgb="FF000000"/>
      <name val="Arial"/>
      <family val="2"/>
    </font>
    <font>
      <sz val="14"/>
      <color rgb="FFFF0000"/>
      <name val="Meiryo UI"/>
      <family val="3"/>
      <charset val="128"/>
    </font>
    <font>
      <sz val="10"/>
      <color rgb="FF000000"/>
      <name val="ＭＳ Ｐゴシック"/>
      <family val="3"/>
      <charset val="128"/>
    </font>
    <font>
      <sz val="14"/>
      <color rgb="FF000000"/>
      <name val="Arial"/>
      <family val="2"/>
    </font>
    <font>
      <sz val="14"/>
      <color rgb="FF000000"/>
      <name val="ＭＳ Ｐゴシック"/>
      <family val="3"/>
      <charset val="128"/>
    </font>
    <font>
      <b/>
      <sz val="14"/>
      <color rgb="FF000000"/>
      <name val="ＭＳ Ｐゴシック"/>
      <family val="3"/>
      <charset val="128"/>
    </font>
    <font>
      <u/>
      <sz val="14"/>
      <color rgb="FF000000"/>
      <name val="ＭＳ Ｐゴシック"/>
      <family val="3"/>
      <charset val="128"/>
    </font>
    <font>
      <b/>
      <u/>
      <sz val="14"/>
      <color rgb="FF000000"/>
      <name val="ＭＳ Ｐゴシック"/>
      <family val="3"/>
      <charset val="128"/>
    </font>
    <font>
      <sz val="12"/>
      <color rgb="FF000000"/>
      <name val="BIZ UDゴシック"/>
      <family val="3"/>
      <charset val="128"/>
    </font>
    <font>
      <sz val="14"/>
      <color rgb="FF000000"/>
      <name val="BIZ UDゴシック"/>
      <family val="3"/>
      <charset val="128"/>
    </font>
    <font>
      <b/>
      <sz val="14"/>
      <color rgb="FF000000"/>
      <name val="BIZ UDゴシック"/>
      <family val="3"/>
      <charset val="128"/>
    </font>
    <font>
      <b/>
      <sz val="12"/>
      <color rgb="FF000000"/>
      <name val="BIZ UDゴシック"/>
      <family val="3"/>
      <charset val="128"/>
    </font>
    <font>
      <b/>
      <sz val="16"/>
      <color rgb="FF000000"/>
      <name val="BIZ UDゴシック"/>
      <family val="3"/>
      <charset val="128"/>
    </font>
    <font>
      <sz val="14"/>
      <color theme="0"/>
      <name val="BIZ UDゴシック"/>
      <family val="3"/>
      <charset val="128"/>
    </font>
    <font>
      <sz val="12"/>
      <color theme="0"/>
      <name val="BIZ UDゴシック"/>
      <family val="3"/>
      <charset val="128"/>
    </font>
    <font>
      <sz val="11"/>
      <color rgb="FF000000"/>
      <name val="BIZ UDゴシック"/>
      <family val="3"/>
      <charset val="128"/>
    </font>
    <font>
      <sz val="18"/>
      <name val="Meiryo UI"/>
      <family val="3"/>
      <charset val="128"/>
    </font>
    <font>
      <b/>
      <sz val="16"/>
      <color theme="1"/>
      <name val="Meiryo UI"/>
      <family val="3"/>
      <charset val="128"/>
    </font>
  </fonts>
  <fills count="6">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
      <patternFill patternType="solid">
        <fgColor theme="9" tint="0.59999389629810485"/>
        <bgColor indexed="64"/>
      </patternFill>
    </fill>
  </fills>
  <borders count="62">
    <border>
      <left/>
      <right/>
      <top/>
      <bottom/>
      <diagonal/>
    </border>
    <border>
      <left/>
      <right/>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style="thin">
        <color indexed="64"/>
      </top>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thin">
        <color indexed="64"/>
      </bottom>
      <diagonal/>
    </border>
    <border>
      <left/>
      <right/>
      <top style="medium">
        <color indexed="64"/>
      </top>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medium">
        <color indexed="64"/>
      </top>
      <bottom style="thin">
        <color indexed="64"/>
      </bottom>
      <diagonal/>
    </border>
    <border>
      <left style="thin">
        <color indexed="64"/>
      </left>
      <right/>
      <top style="thin">
        <color indexed="64"/>
      </top>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medium">
        <color indexed="64"/>
      </right>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style="medium">
        <color indexed="64"/>
      </right>
      <top style="thin">
        <color indexed="64"/>
      </top>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style="medium">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style="thin">
        <color indexed="64"/>
      </top>
      <bottom/>
      <diagonal/>
    </border>
    <border>
      <left style="medium">
        <color indexed="64"/>
      </left>
      <right/>
      <top style="medium">
        <color indexed="64"/>
      </top>
      <bottom/>
      <diagonal/>
    </border>
    <border>
      <left style="dotted">
        <color indexed="64"/>
      </left>
      <right style="thin">
        <color indexed="64"/>
      </right>
      <top style="thin">
        <color indexed="64"/>
      </top>
      <bottom style="medium">
        <color indexed="64"/>
      </bottom>
      <diagonal/>
    </border>
    <border>
      <left style="dotted">
        <color indexed="64"/>
      </left>
      <right style="thin">
        <color indexed="64"/>
      </right>
      <top style="thin">
        <color indexed="64"/>
      </top>
      <bottom style="thin">
        <color indexed="64"/>
      </bottom>
      <diagonal/>
    </border>
    <border>
      <left style="dotted">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diagonal/>
    </border>
    <border>
      <left style="medium">
        <color auto="1"/>
      </left>
      <right style="medium">
        <color auto="1"/>
      </right>
      <top style="medium">
        <color auto="1"/>
      </top>
      <bottom/>
      <diagonal/>
    </border>
  </borders>
  <cellStyleXfs count="13">
    <xf numFmtId="0" fontId="0" fillId="0" borderId="0"/>
    <xf numFmtId="0" fontId="8" fillId="0" borderId="1"/>
    <xf numFmtId="0" fontId="8" fillId="0" borderId="1"/>
    <xf numFmtId="0" fontId="4" fillId="0" borderId="1">
      <alignment vertical="center"/>
    </xf>
    <xf numFmtId="0" fontId="10" fillId="0" borderId="1"/>
    <xf numFmtId="0" fontId="11" fillId="0" borderId="1"/>
    <xf numFmtId="0" fontId="8" fillId="0" borderId="1"/>
    <xf numFmtId="0" fontId="24" fillId="0" borderId="1"/>
    <xf numFmtId="0" fontId="3" fillId="0" borderId="1">
      <alignment vertical="center"/>
    </xf>
    <xf numFmtId="0" fontId="8" fillId="0" borderId="1"/>
    <xf numFmtId="0" fontId="2" fillId="0" borderId="1">
      <alignment vertical="center"/>
    </xf>
    <xf numFmtId="0" fontId="1" fillId="0" borderId="1">
      <alignment vertical="center"/>
    </xf>
    <xf numFmtId="0" fontId="1" fillId="0" borderId="1">
      <alignment vertical="center"/>
    </xf>
  </cellStyleXfs>
  <cellXfs count="181">
    <xf numFmtId="0" fontId="0" fillId="0" borderId="0" xfId="0" applyFont="1" applyAlignment="1"/>
    <xf numFmtId="0" fontId="6" fillId="0" borderId="0" xfId="0" applyFont="1" applyAlignment="1">
      <alignment vertical="center"/>
    </xf>
    <xf numFmtId="0" fontId="6" fillId="0" borderId="0" xfId="0" applyFont="1" applyAlignment="1">
      <alignment horizontal="left" vertical="center"/>
    </xf>
    <xf numFmtId="0" fontId="6" fillId="0" borderId="1" xfId="0" applyFont="1" applyBorder="1" applyAlignment="1">
      <alignment horizontal="left" vertical="center"/>
    </xf>
    <xf numFmtId="0" fontId="13" fillId="0" borderId="1" xfId="0" applyFont="1" applyBorder="1" applyAlignment="1">
      <alignment horizontal="left" vertical="center"/>
    </xf>
    <xf numFmtId="0" fontId="12" fillId="0" borderId="0" xfId="0" applyFont="1" applyAlignment="1">
      <alignment horizontal="left" vertical="center"/>
    </xf>
    <xf numFmtId="0" fontId="6" fillId="2" borderId="14" xfId="0" applyFont="1" applyFill="1" applyBorder="1" applyAlignment="1">
      <alignment horizontal="center" vertical="center"/>
    </xf>
    <xf numFmtId="56" fontId="6" fillId="0" borderId="32" xfId="0" applyNumberFormat="1" applyFont="1" applyBorder="1" applyAlignment="1">
      <alignment vertical="center"/>
    </xf>
    <xf numFmtId="56" fontId="6" fillId="0" borderId="24" xfId="0" applyNumberFormat="1" applyFont="1" applyBorder="1" applyAlignment="1">
      <alignment vertical="center"/>
    </xf>
    <xf numFmtId="0" fontId="6" fillId="0" borderId="2" xfId="0" applyFont="1" applyBorder="1" applyAlignment="1">
      <alignment horizontal="center" vertical="center"/>
    </xf>
    <xf numFmtId="0" fontId="6" fillId="0" borderId="46" xfId="0" applyFont="1" applyBorder="1" applyAlignment="1">
      <alignment horizontal="center" vertical="center"/>
    </xf>
    <xf numFmtId="56" fontId="6" fillId="0" borderId="47" xfId="0" applyNumberFormat="1" applyFont="1" applyBorder="1" applyAlignment="1">
      <alignment vertical="center"/>
    </xf>
    <xf numFmtId="0" fontId="6" fillId="0" borderId="19" xfId="0" applyFont="1" applyBorder="1" applyAlignment="1">
      <alignment horizontal="center" vertical="center"/>
    </xf>
    <xf numFmtId="0" fontId="6" fillId="0" borderId="8" xfId="0" applyFont="1" applyBorder="1" applyAlignment="1">
      <alignment horizontal="center" vertical="center"/>
    </xf>
    <xf numFmtId="56" fontId="6" fillId="0" borderId="29" xfId="0" applyNumberFormat="1" applyFont="1" applyBorder="1" applyAlignment="1">
      <alignment vertical="center"/>
    </xf>
    <xf numFmtId="0" fontId="6" fillId="0" borderId="27" xfId="0" applyFont="1" applyBorder="1" applyAlignment="1">
      <alignment horizontal="center" vertical="center"/>
    </xf>
    <xf numFmtId="0" fontId="6" fillId="0" borderId="10" xfId="0" applyFont="1" applyBorder="1" applyAlignment="1">
      <alignment horizontal="center" vertical="center"/>
    </xf>
    <xf numFmtId="56" fontId="6" fillId="0" borderId="48" xfId="0" applyNumberFormat="1" applyFont="1" applyBorder="1" applyAlignment="1">
      <alignment vertical="center"/>
    </xf>
    <xf numFmtId="0" fontId="6" fillId="0" borderId="17" xfId="0" applyFont="1" applyBorder="1" applyAlignment="1">
      <alignment horizontal="center" vertical="center"/>
    </xf>
    <xf numFmtId="0" fontId="6" fillId="0" borderId="5" xfId="0" applyFont="1" applyBorder="1" applyAlignment="1">
      <alignment horizontal="center" vertical="center"/>
    </xf>
    <xf numFmtId="56" fontId="6" fillId="0" borderId="25" xfId="0" applyNumberFormat="1" applyFont="1" applyBorder="1" applyAlignment="1">
      <alignment vertical="center"/>
    </xf>
    <xf numFmtId="0" fontId="6" fillId="0" borderId="23" xfId="0" applyFont="1" applyBorder="1" applyAlignment="1">
      <alignment horizontal="center" vertical="center"/>
    </xf>
    <xf numFmtId="0" fontId="6" fillId="0" borderId="0" xfId="0" applyFont="1" applyAlignment="1">
      <alignment horizontal="center" vertical="center"/>
    </xf>
    <xf numFmtId="0" fontId="6" fillId="0" borderId="11" xfId="0" applyFont="1" applyBorder="1" applyAlignment="1">
      <alignment horizontal="center" vertical="center"/>
    </xf>
    <xf numFmtId="0" fontId="6" fillId="0" borderId="31" xfId="0" applyFont="1" applyBorder="1" applyAlignment="1">
      <alignment horizontal="center" vertical="center"/>
    </xf>
    <xf numFmtId="0" fontId="6" fillId="0" borderId="30" xfId="0" applyFont="1" applyBorder="1" applyAlignment="1">
      <alignment horizontal="center" vertical="center"/>
    </xf>
    <xf numFmtId="0" fontId="6" fillId="0" borderId="53" xfId="0" applyFont="1" applyBorder="1" applyAlignment="1">
      <alignment horizontal="center" vertical="center"/>
    </xf>
    <xf numFmtId="0" fontId="6" fillId="0" borderId="54" xfId="0" applyFont="1" applyBorder="1" applyAlignment="1">
      <alignment horizontal="center" vertical="center"/>
    </xf>
    <xf numFmtId="0" fontId="6" fillId="0" borderId="52" xfId="0" applyFont="1" applyBorder="1" applyAlignment="1">
      <alignment horizontal="center" vertical="center"/>
    </xf>
    <xf numFmtId="0" fontId="6" fillId="0" borderId="13" xfId="0" applyFont="1" applyBorder="1" applyAlignment="1">
      <alignment horizontal="center" vertical="center"/>
    </xf>
    <xf numFmtId="0" fontId="6" fillId="0" borderId="57" xfId="0" applyFont="1" applyBorder="1" applyAlignment="1">
      <alignment horizontal="center" vertical="center"/>
    </xf>
    <xf numFmtId="0" fontId="6" fillId="0" borderId="58" xfId="0" applyFont="1" applyBorder="1" applyAlignment="1">
      <alignment horizontal="center" vertical="center"/>
    </xf>
    <xf numFmtId="0" fontId="6" fillId="0" borderId="56" xfId="0" applyFont="1" applyBorder="1" applyAlignment="1">
      <alignment horizontal="center" vertical="center"/>
    </xf>
    <xf numFmtId="177" fontId="6" fillId="0" borderId="0" xfId="0" applyNumberFormat="1" applyFont="1" applyAlignment="1">
      <alignment vertical="center"/>
    </xf>
    <xf numFmtId="0" fontId="6" fillId="0" borderId="7" xfId="0" applyFont="1" applyBorder="1" applyAlignment="1">
      <alignment horizontal="center" vertical="center" shrinkToFit="1"/>
    </xf>
    <xf numFmtId="0" fontId="7" fillId="0" borderId="15" xfId="0" applyFont="1" applyBorder="1" applyAlignment="1">
      <alignment horizontal="center" vertical="center"/>
    </xf>
    <xf numFmtId="0" fontId="6" fillId="0" borderId="24" xfId="0" applyFont="1" applyBorder="1" applyAlignment="1">
      <alignment horizontal="left" vertical="center" wrapText="1" shrinkToFit="1"/>
    </xf>
    <xf numFmtId="0" fontId="20" fillId="0" borderId="28" xfId="0" applyFont="1" applyBorder="1" applyAlignment="1">
      <alignment horizontal="left" vertical="center" shrinkToFit="1"/>
    </xf>
    <xf numFmtId="0" fontId="6" fillId="0" borderId="53" xfId="0" applyFont="1" applyBorder="1" applyAlignment="1">
      <alignment horizontal="center" vertical="center" shrinkToFit="1"/>
    </xf>
    <xf numFmtId="0" fontId="7" fillId="0" borderId="53" xfId="0" applyFont="1" applyBorder="1" applyAlignment="1">
      <alignment horizontal="center" vertical="center"/>
    </xf>
    <xf numFmtId="0" fontId="22" fillId="0" borderId="0" xfId="0" applyFont="1" applyAlignment="1">
      <alignment horizontal="left" vertical="center"/>
    </xf>
    <xf numFmtId="56" fontId="18" fillId="2" borderId="32" xfId="0" applyNumberFormat="1" applyFont="1" applyFill="1" applyBorder="1" applyAlignment="1">
      <alignment horizontal="center" vertical="center"/>
    </xf>
    <xf numFmtId="0" fontId="18" fillId="2" borderId="16"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7" xfId="0" applyFont="1" applyFill="1" applyBorder="1" applyAlignment="1">
      <alignment horizontal="center" vertical="center" shrinkToFit="1"/>
    </xf>
    <xf numFmtId="0" fontId="18" fillId="2" borderId="53" xfId="0" applyFont="1" applyFill="1" applyBorder="1" applyAlignment="1">
      <alignment horizontal="center" vertical="center" shrinkToFit="1"/>
    </xf>
    <xf numFmtId="0" fontId="18" fillId="2" borderId="11" xfId="0" applyFont="1" applyFill="1" applyBorder="1" applyAlignment="1">
      <alignment horizontal="left" vertical="center" wrapText="1" shrinkToFit="1"/>
    </xf>
    <xf numFmtId="0" fontId="18" fillId="2" borderId="32" xfId="0" applyFont="1" applyFill="1" applyBorder="1" applyAlignment="1">
      <alignment horizontal="center" vertical="center" shrinkToFit="1"/>
    </xf>
    <xf numFmtId="0" fontId="18" fillId="2" borderId="16" xfId="0" applyFont="1" applyFill="1" applyBorder="1" applyAlignment="1">
      <alignment horizontal="center" vertical="center" shrinkToFit="1"/>
    </xf>
    <xf numFmtId="0" fontId="17" fillId="2" borderId="57" xfId="0" applyFont="1" applyFill="1" applyBorder="1" applyAlignment="1">
      <alignment horizontal="center" vertical="center" wrapText="1"/>
    </xf>
    <xf numFmtId="0" fontId="17" fillId="2" borderId="45" xfId="0" applyFont="1" applyFill="1" applyBorder="1" applyAlignment="1">
      <alignment horizontal="left" vertical="center" wrapText="1"/>
    </xf>
    <xf numFmtId="0" fontId="6" fillId="5" borderId="22" xfId="0" applyNumberFormat="1" applyFont="1" applyFill="1" applyBorder="1" applyAlignment="1">
      <alignment vertical="center"/>
    </xf>
    <xf numFmtId="0" fontId="27" fillId="0" borderId="1" xfId="3" applyFont="1">
      <alignment vertical="center"/>
    </xf>
    <xf numFmtId="0" fontId="28" fillId="0" borderId="0" xfId="0" applyFont="1" applyAlignment="1"/>
    <xf numFmtId="0" fontId="30" fillId="0" borderId="0" xfId="0" applyFont="1" applyAlignment="1">
      <alignment vertical="center"/>
    </xf>
    <xf numFmtId="0" fontId="29" fillId="0" borderId="0" xfId="0" applyFont="1" applyAlignment="1">
      <alignment vertical="center"/>
    </xf>
    <xf numFmtId="0" fontId="31" fillId="0" borderId="0" xfId="0" applyFont="1" applyAlignment="1">
      <alignment vertical="center"/>
    </xf>
    <xf numFmtId="0" fontId="6" fillId="0" borderId="14" xfId="0" applyFont="1" applyBorder="1" applyAlignment="1">
      <alignment horizontal="center" vertical="center"/>
    </xf>
    <xf numFmtId="0" fontId="6" fillId="0" borderId="16" xfId="0" applyFont="1" applyBorder="1" applyAlignment="1">
      <alignment horizontal="center" vertical="center"/>
    </xf>
    <xf numFmtId="0" fontId="6" fillId="0" borderId="4" xfId="0" applyFont="1" applyBorder="1" applyAlignment="1">
      <alignment horizontal="center" vertical="center"/>
    </xf>
    <xf numFmtId="0" fontId="6" fillId="0" borderId="16" xfId="0" applyFont="1" applyBorder="1" applyAlignment="1">
      <alignment horizontal="center" vertical="center"/>
    </xf>
    <xf numFmtId="0" fontId="34" fillId="0" borderId="0" xfId="0" applyFont="1" applyAlignment="1">
      <alignment horizontal="right" vertical="center"/>
    </xf>
    <xf numFmtId="0" fontId="34" fillId="0" borderId="32" xfId="0" applyFont="1" applyBorder="1" applyAlignment="1">
      <alignment horizontal="center" vertical="center"/>
    </xf>
    <xf numFmtId="0" fontId="34" fillId="0" borderId="1" xfId="0" applyFont="1" applyBorder="1" applyAlignment="1">
      <alignment horizontal="center" vertical="center"/>
    </xf>
    <xf numFmtId="0" fontId="37" fillId="0" borderId="1" xfId="0" applyFont="1" applyBorder="1" applyAlignment="1">
      <alignment vertical="center"/>
    </xf>
    <xf numFmtId="0" fontId="34" fillId="0" borderId="0" xfId="0" applyFont="1" applyAlignment="1">
      <alignment horizontal="center" vertical="center"/>
    </xf>
    <xf numFmtId="0" fontId="35" fillId="0" borderId="0" xfId="0" applyFont="1" applyAlignment="1">
      <alignment vertical="center"/>
    </xf>
    <xf numFmtId="0" fontId="34" fillId="0" borderId="0" xfId="0" applyFont="1" applyAlignment="1">
      <alignment vertical="center"/>
    </xf>
    <xf numFmtId="0" fontId="34" fillId="0" borderId="32" xfId="0" applyFont="1" applyBorder="1" applyAlignment="1">
      <alignment vertical="center"/>
    </xf>
    <xf numFmtId="0" fontId="34" fillId="0" borderId="1" xfId="0" applyFont="1" applyBorder="1" applyAlignment="1">
      <alignment vertical="center"/>
    </xf>
    <xf numFmtId="0" fontId="39" fillId="0" borderId="0" xfId="0" applyFont="1" applyAlignment="1">
      <alignment vertical="center"/>
    </xf>
    <xf numFmtId="0" fontId="40" fillId="0" borderId="0" xfId="0" applyFont="1" applyAlignment="1">
      <alignment vertical="center"/>
    </xf>
    <xf numFmtId="0" fontId="37" fillId="0" borderId="32" xfId="0" applyFont="1" applyBorder="1" applyAlignment="1">
      <alignment horizontal="center" vertical="center"/>
    </xf>
    <xf numFmtId="0" fontId="37" fillId="0" borderId="32" xfId="0" applyFont="1" applyBorder="1" applyAlignment="1">
      <alignment horizontal="center" vertical="center" shrinkToFit="1"/>
    </xf>
    <xf numFmtId="0" fontId="36" fillId="0" borderId="32" xfId="0" applyFont="1" applyBorder="1" applyAlignment="1">
      <alignment horizontal="center" vertical="center" shrinkToFit="1"/>
    </xf>
    <xf numFmtId="0" fontId="16" fillId="0" borderId="1" xfId="11" applyFont="1">
      <alignment vertical="center"/>
    </xf>
    <xf numFmtId="0" fontId="18" fillId="4" borderId="32" xfId="12" applyFont="1" applyFill="1" applyBorder="1" applyAlignment="1">
      <alignment horizontal="center" vertical="center" wrapText="1" shrinkToFit="1"/>
    </xf>
    <xf numFmtId="0" fontId="16" fillId="4" borderId="33" xfId="11" applyFont="1" applyFill="1" applyBorder="1" applyAlignment="1">
      <alignment horizontal="center" vertical="center" shrinkToFit="1"/>
    </xf>
    <xf numFmtId="0" fontId="16" fillId="2" borderId="32" xfId="11" applyFont="1" applyFill="1" applyBorder="1" applyAlignment="1">
      <alignment horizontal="center" vertical="center" shrinkToFit="1"/>
    </xf>
    <xf numFmtId="0" fontId="16" fillId="0" borderId="16" xfId="11" applyFont="1" applyBorder="1" applyAlignment="1">
      <alignment horizontal="center" vertical="center" shrinkToFit="1"/>
    </xf>
    <xf numFmtId="0" fontId="16" fillId="0" borderId="11" xfId="11" applyFont="1" applyBorder="1" applyAlignment="1">
      <alignment horizontal="center" vertical="center" shrinkToFit="1"/>
    </xf>
    <xf numFmtId="0" fontId="16" fillId="0" borderId="24" xfId="11" applyFont="1" applyBorder="1" applyAlignment="1">
      <alignment horizontal="left" vertical="center" shrinkToFit="1"/>
    </xf>
    <xf numFmtId="0" fontId="16" fillId="2" borderId="16" xfId="11" applyFont="1" applyFill="1" applyBorder="1" applyAlignment="1">
      <alignment horizontal="center" vertical="center" shrinkToFit="1"/>
    </xf>
    <xf numFmtId="0" fontId="16" fillId="2" borderId="16" xfId="11" applyFont="1" applyFill="1" applyBorder="1" applyAlignment="1">
      <alignment horizontal="center" vertical="center" wrapText="1" shrinkToFit="1"/>
    </xf>
    <xf numFmtId="0" fontId="16" fillId="4" borderId="16" xfId="11" applyFont="1" applyFill="1" applyBorder="1" applyAlignment="1">
      <alignment horizontal="center" vertical="center"/>
    </xf>
    <xf numFmtId="0" fontId="16" fillId="0" borderId="1" xfId="11" applyFont="1" applyAlignment="1">
      <alignment horizontal="center" vertical="center"/>
    </xf>
    <xf numFmtId="0" fontId="16" fillId="0" borderId="32" xfId="11" applyFont="1" applyBorder="1" applyAlignment="1">
      <alignment horizontal="center" vertical="center"/>
    </xf>
    <xf numFmtId="0" fontId="16" fillId="0" borderId="1" xfId="11" applyFont="1" applyBorder="1" applyAlignment="1">
      <alignment horizontal="center" vertical="center"/>
    </xf>
    <xf numFmtId="0" fontId="16" fillId="0" borderId="1" xfId="11" applyFont="1" applyBorder="1" applyAlignment="1">
      <alignment horizontal="center" vertical="center" wrapText="1"/>
    </xf>
    <xf numFmtId="0" fontId="16" fillId="0" borderId="32" xfId="11" applyFont="1" applyBorder="1" applyAlignment="1">
      <alignment horizontal="right" vertical="center" shrinkToFit="1"/>
    </xf>
    <xf numFmtId="176" fontId="16" fillId="0" borderId="32" xfId="11" applyNumberFormat="1" applyFont="1" applyBorder="1" applyAlignment="1">
      <alignment horizontal="right" vertical="center" shrinkToFit="1"/>
    </xf>
    <xf numFmtId="0" fontId="16" fillId="0" borderId="1" xfId="11" applyFont="1" applyBorder="1" applyAlignment="1">
      <alignment horizontal="right" vertical="center" shrinkToFit="1"/>
    </xf>
    <xf numFmtId="176" fontId="16" fillId="0" borderId="1" xfId="11" applyNumberFormat="1" applyFont="1" applyBorder="1" applyAlignment="1">
      <alignment horizontal="right" vertical="center" shrinkToFit="1"/>
    </xf>
    <xf numFmtId="0" fontId="42" fillId="0" borderId="1" xfId="11" applyFont="1" applyFill="1" applyBorder="1" applyAlignment="1">
      <alignment vertical="center"/>
    </xf>
    <xf numFmtId="0" fontId="16" fillId="4" borderId="32" xfId="11" applyFont="1" applyFill="1" applyBorder="1" applyAlignment="1">
      <alignment horizontal="center" vertical="center" shrinkToFit="1"/>
    </xf>
    <xf numFmtId="0" fontId="14" fillId="0" borderId="32" xfId="11" applyFont="1" applyBorder="1" applyAlignment="1">
      <alignment horizontal="center" vertical="center"/>
    </xf>
    <xf numFmtId="0" fontId="14" fillId="0" borderId="47" xfId="11" applyFont="1" applyBorder="1" applyAlignment="1">
      <alignment horizontal="center" vertical="center"/>
    </xf>
    <xf numFmtId="0" fontId="14" fillId="0" borderId="39" xfId="11" applyFont="1" applyBorder="1" applyAlignment="1">
      <alignment horizontal="center" vertical="center"/>
    </xf>
    <xf numFmtId="0" fontId="14" fillId="0" borderId="29" xfId="11" applyFont="1" applyBorder="1" applyAlignment="1">
      <alignment vertical="center" wrapText="1"/>
    </xf>
    <xf numFmtId="0" fontId="16" fillId="0" borderId="28" xfId="11" applyFont="1" applyBorder="1" applyAlignment="1">
      <alignment vertical="center" wrapText="1"/>
    </xf>
    <xf numFmtId="0" fontId="25" fillId="0" borderId="1" xfId="11" applyFont="1" applyBorder="1" applyAlignment="1">
      <alignment horizontal="right" vertical="center"/>
    </xf>
    <xf numFmtId="0" fontId="43" fillId="0" borderId="1" xfId="11" applyFont="1" applyBorder="1" applyAlignment="1">
      <alignment horizontal="center" vertical="center"/>
    </xf>
    <xf numFmtId="0" fontId="16" fillId="0" borderId="20" xfId="11" applyFont="1" applyBorder="1" applyAlignment="1">
      <alignment horizontal="center" vertical="center"/>
    </xf>
    <xf numFmtId="0" fontId="16" fillId="0" borderId="20" xfId="11" applyFont="1" applyBorder="1" applyAlignment="1">
      <alignment horizontal="right" vertical="center"/>
    </xf>
    <xf numFmtId="0" fontId="38" fillId="0" borderId="61" xfId="0" applyFont="1" applyBorder="1" applyAlignment="1">
      <alignment horizontal="center" vertical="center"/>
    </xf>
    <xf numFmtId="0" fontId="38" fillId="0" borderId="22" xfId="0" applyFont="1" applyBorder="1" applyAlignment="1">
      <alignment horizontal="center" vertical="center"/>
    </xf>
    <xf numFmtId="0" fontId="35" fillId="0" borderId="16" xfId="0" applyFont="1" applyBorder="1" applyAlignment="1">
      <alignment horizontal="center" vertical="center" shrinkToFit="1"/>
    </xf>
    <xf numFmtId="0" fontId="35" fillId="0" borderId="11" xfId="0" applyFont="1" applyBorder="1" applyAlignment="1">
      <alignment horizontal="center" vertical="center" shrinkToFit="1"/>
    </xf>
    <xf numFmtId="0" fontId="35" fillId="0" borderId="24" xfId="0" applyFont="1" applyBorder="1" applyAlignment="1">
      <alignment horizontal="center" vertical="center" shrinkToFit="1"/>
    </xf>
    <xf numFmtId="0" fontId="41" fillId="0" borderId="20" xfId="0" applyFont="1" applyBorder="1" applyAlignment="1">
      <alignment horizontal="center" vertical="center"/>
    </xf>
    <xf numFmtId="0" fontId="34" fillId="0" borderId="20" xfId="0" applyFont="1" applyBorder="1" applyAlignment="1">
      <alignment horizontal="center" vertical="center"/>
    </xf>
    <xf numFmtId="0" fontId="16" fillId="0" borderId="1" xfId="3" applyFont="1" applyAlignment="1">
      <alignment horizontal="center" vertical="center"/>
    </xf>
    <xf numFmtId="0" fontId="14" fillId="0" borderId="16" xfId="11" applyFont="1" applyBorder="1" applyAlignment="1">
      <alignment horizontal="left" vertical="center" wrapText="1"/>
    </xf>
    <xf numFmtId="0" fontId="14" fillId="0" borderId="11" xfId="11" applyFont="1" applyBorder="1" applyAlignment="1">
      <alignment horizontal="left" vertical="center" wrapText="1"/>
    </xf>
    <xf numFmtId="0" fontId="14" fillId="0" borderId="24" xfId="11" applyFont="1" applyBorder="1" applyAlignment="1">
      <alignment horizontal="left" vertical="center" wrapText="1"/>
    </xf>
    <xf numFmtId="0" fontId="14" fillId="0" borderId="19" xfId="11" applyFont="1" applyBorder="1" applyAlignment="1">
      <alignment horizontal="left" vertical="top" wrapText="1"/>
    </xf>
    <xf numFmtId="0" fontId="14" fillId="0" borderId="31" xfId="11" applyFont="1" applyBorder="1" applyAlignment="1">
      <alignment horizontal="left" vertical="top" wrapText="1"/>
    </xf>
    <xf numFmtId="0" fontId="14" fillId="0" borderId="29" xfId="11" applyFont="1" applyBorder="1" applyAlignment="1">
      <alignment horizontal="left" vertical="top" wrapText="1"/>
    </xf>
    <xf numFmtId="0" fontId="14" fillId="0" borderId="15" xfId="11" applyFont="1" applyBorder="1" applyAlignment="1">
      <alignment horizontal="left" vertical="top" wrapText="1"/>
    </xf>
    <xf numFmtId="0" fontId="14" fillId="0" borderId="20" xfId="11" applyFont="1" applyBorder="1" applyAlignment="1">
      <alignment horizontal="left" vertical="top" wrapText="1"/>
    </xf>
    <xf numFmtId="0" fontId="14" fillId="0" borderId="28" xfId="11" applyFont="1" applyBorder="1" applyAlignment="1">
      <alignment horizontal="left" vertical="top" wrapText="1"/>
    </xf>
    <xf numFmtId="0" fontId="23" fillId="0" borderId="16" xfId="11" applyFont="1" applyBorder="1" applyAlignment="1">
      <alignment horizontal="left" vertical="top"/>
    </xf>
    <xf numFmtId="0" fontId="23" fillId="0" borderId="11" xfId="11" applyFont="1" applyBorder="1" applyAlignment="1">
      <alignment horizontal="left" vertical="top"/>
    </xf>
    <xf numFmtId="0" fontId="23" fillId="0" borderId="24" xfId="11" applyFont="1" applyBorder="1" applyAlignment="1">
      <alignment horizontal="left" vertical="top"/>
    </xf>
    <xf numFmtId="0" fontId="14" fillId="4" borderId="16" xfId="11" applyFont="1" applyFill="1" applyBorder="1" applyAlignment="1">
      <alignment horizontal="center" vertical="center"/>
    </xf>
    <xf numFmtId="0" fontId="14" fillId="4" borderId="11" xfId="11" applyFont="1" applyFill="1" applyBorder="1" applyAlignment="1">
      <alignment horizontal="center" vertical="center"/>
    </xf>
    <xf numFmtId="0" fontId="14" fillId="4" borderId="24" xfId="11" applyFont="1" applyFill="1" applyBorder="1" applyAlignment="1">
      <alignment horizontal="center" vertical="center"/>
    </xf>
    <xf numFmtId="0" fontId="14" fillId="0" borderId="16" xfId="11" applyFont="1" applyBorder="1" applyAlignment="1">
      <alignment horizontal="left" vertical="center"/>
    </xf>
    <xf numFmtId="0" fontId="14" fillId="0" borderId="11" xfId="11" applyFont="1" applyBorder="1" applyAlignment="1">
      <alignment horizontal="left" vertical="center"/>
    </xf>
    <xf numFmtId="0" fontId="14" fillId="0" borderId="24" xfId="11" applyFont="1" applyBorder="1" applyAlignment="1">
      <alignment horizontal="left" vertical="center"/>
    </xf>
    <xf numFmtId="0" fontId="19" fillId="3" borderId="1" xfId="11" applyFont="1" applyFill="1" applyAlignment="1">
      <alignment horizontal="center" vertical="center"/>
    </xf>
    <xf numFmtId="0" fontId="21" fillId="0" borderId="15" xfId="11" applyFont="1" applyBorder="1" applyAlignment="1">
      <alignment horizontal="left" vertical="center" wrapText="1"/>
    </xf>
    <xf numFmtId="0" fontId="21" fillId="0" borderId="20" xfId="11" applyFont="1" applyBorder="1" applyAlignment="1">
      <alignment horizontal="left" vertical="center" wrapText="1"/>
    </xf>
    <xf numFmtId="0" fontId="21" fillId="0" borderId="28" xfId="11" applyFont="1" applyBorder="1" applyAlignment="1">
      <alignment horizontal="left" vertical="center" wrapText="1"/>
    </xf>
    <xf numFmtId="0" fontId="16" fillId="0" borderId="16" xfId="11" applyFont="1" applyBorder="1" applyAlignment="1">
      <alignment horizontal="center" vertical="center" shrinkToFit="1"/>
    </xf>
    <xf numFmtId="0" fontId="16" fillId="0" borderId="11" xfId="11" applyFont="1" applyBorder="1" applyAlignment="1">
      <alignment horizontal="center" vertical="center" shrinkToFit="1"/>
    </xf>
    <xf numFmtId="0" fontId="16" fillId="0" borderId="24" xfId="11" applyFont="1" applyBorder="1" applyAlignment="1">
      <alignment horizontal="center" vertical="center" shrinkToFit="1"/>
    </xf>
    <xf numFmtId="0" fontId="16" fillId="0" borderId="34" xfId="11" applyFont="1" applyBorder="1" applyAlignment="1">
      <alignment horizontal="center" vertical="center" shrinkToFit="1"/>
    </xf>
    <xf numFmtId="0" fontId="16" fillId="0" borderId="35" xfId="11" applyFont="1" applyBorder="1" applyAlignment="1">
      <alignment horizontal="center" vertical="center" shrinkToFit="1"/>
    </xf>
    <xf numFmtId="0" fontId="16" fillId="0" borderId="59" xfId="11" applyFont="1" applyBorder="1" applyAlignment="1">
      <alignment horizontal="center" vertical="center" shrinkToFit="1"/>
    </xf>
    <xf numFmtId="0" fontId="16" fillId="4" borderId="36" xfId="11" applyFont="1" applyFill="1" applyBorder="1" applyAlignment="1">
      <alignment horizontal="center" vertical="center" shrinkToFit="1"/>
    </xf>
    <xf numFmtId="0" fontId="16" fillId="4" borderId="39" xfId="11" applyFont="1" applyFill="1" applyBorder="1" applyAlignment="1">
      <alignment horizontal="center" vertical="center" shrinkToFit="1"/>
    </xf>
    <xf numFmtId="0" fontId="16" fillId="0" borderId="37" xfId="11" applyFont="1" applyBorder="1" applyAlignment="1">
      <alignment horizontal="center" vertical="center" shrinkToFit="1"/>
    </xf>
    <xf numFmtId="0" fontId="16" fillId="0" borderId="38" xfId="11" applyFont="1" applyBorder="1" applyAlignment="1">
      <alignment horizontal="center" vertical="center" shrinkToFit="1"/>
    </xf>
    <xf numFmtId="0" fontId="16" fillId="0" borderId="60" xfId="11" applyFont="1" applyBorder="1" applyAlignment="1">
      <alignment horizontal="center" vertical="center" shrinkToFit="1"/>
    </xf>
    <xf numFmtId="0" fontId="16" fillId="0" borderId="15" xfId="11" applyFont="1" applyBorder="1" applyAlignment="1">
      <alignment horizontal="center" vertical="center" shrinkToFit="1"/>
    </xf>
    <xf numFmtId="0" fontId="16" fillId="0" borderId="20" xfId="11" applyFont="1" applyBorder="1" applyAlignment="1">
      <alignment horizontal="center" vertical="center" shrinkToFit="1"/>
    </xf>
    <xf numFmtId="0" fontId="16" fillId="0" borderId="28" xfId="11" applyFont="1" applyBorder="1" applyAlignment="1">
      <alignment horizontal="center" vertical="center" shrinkToFit="1"/>
    </xf>
    <xf numFmtId="0" fontId="25" fillId="0" borderId="16" xfId="3" applyFont="1" applyFill="1" applyBorder="1" applyAlignment="1">
      <alignment horizontal="center" vertical="center" shrinkToFit="1"/>
    </xf>
    <xf numFmtId="0" fontId="26" fillId="0" borderId="11" xfId="0" applyFont="1" applyBorder="1" applyAlignment="1">
      <alignment horizontal="center" vertical="center" shrinkToFit="1"/>
    </xf>
    <xf numFmtId="0" fontId="26" fillId="0" borderId="24" xfId="0" applyFont="1" applyBorder="1" applyAlignment="1">
      <alignment horizontal="center" vertical="center" shrinkToFit="1"/>
    </xf>
    <xf numFmtId="0" fontId="16" fillId="0" borderId="0" xfId="0" applyFont="1" applyAlignment="1">
      <alignment horizontal="center" vertical="center"/>
    </xf>
    <xf numFmtId="0" fontId="16" fillId="0" borderId="49" xfId="0" applyFont="1" applyBorder="1" applyAlignment="1">
      <alignment horizontal="center" vertical="center"/>
    </xf>
    <xf numFmtId="0" fontId="16" fillId="0" borderId="50" xfId="0" applyFont="1" applyBorder="1" applyAlignment="1">
      <alignment horizontal="center" vertical="center"/>
    </xf>
    <xf numFmtId="0" fontId="16" fillId="0" borderId="51" xfId="0" applyFont="1" applyBorder="1" applyAlignment="1">
      <alignment horizontal="center" vertical="center"/>
    </xf>
    <xf numFmtId="0" fontId="14" fillId="0" borderId="0" xfId="0" applyFont="1" applyAlignment="1">
      <alignment horizontal="center" vertical="center"/>
    </xf>
    <xf numFmtId="0" fontId="6" fillId="0" borderId="41" xfId="0" applyFont="1" applyBorder="1" applyAlignment="1">
      <alignment horizontal="center" vertical="center"/>
    </xf>
    <xf numFmtId="0" fontId="6" fillId="0" borderId="42" xfId="0" applyFont="1" applyBorder="1" applyAlignment="1">
      <alignment horizontal="center" vertical="center"/>
    </xf>
    <xf numFmtId="0" fontId="6" fillId="0" borderId="40" xfId="0" applyFont="1" applyBorder="1" applyAlignment="1">
      <alignment horizontal="center" vertical="center"/>
    </xf>
    <xf numFmtId="0" fontId="12" fillId="0" borderId="13" xfId="0" applyFont="1" applyBorder="1" applyAlignment="1">
      <alignment horizontal="left" vertical="center"/>
    </xf>
    <xf numFmtId="0" fontId="6" fillId="0" borderId="21" xfId="0" applyFont="1" applyBorder="1" applyAlignment="1">
      <alignment horizontal="center" vertical="center"/>
    </xf>
    <xf numFmtId="0" fontId="6" fillId="0" borderId="14" xfId="0" applyFont="1" applyBorder="1" applyAlignment="1">
      <alignment horizontal="center" vertical="center"/>
    </xf>
    <xf numFmtId="0" fontId="6" fillId="0" borderId="43" xfId="0" applyFont="1" applyBorder="1" applyAlignment="1">
      <alignment horizontal="center" vertical="center"/>
    </xf>
    <xf numFmtId="0" fontId="6" fillId="0" borderId="32" xfId="0" applyFont="1" applyBorder="1" applyAlignment="1">
      <alignment horizontal="center" vertical="center"/>
    </xf>
    <xf numFmtId="0" fontId="6" fillId="0" borderId="26" xfId="0" applyFont="1" applyBorder="1" applyAlignment="1">
      <alignment horizontal="center" vertical="center"/>
    </xf>
    <xf numFmtId="0" fontId="6" fillId="0" borderId="16"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20" fillId="0" borderId="44" xfId="0" applyFont="1" applyBorder="1" applyAlignment="1">
      <alignment horizontal="center" vertical="center"/>
    </xf>
    <xf numFmtId="0" fontId="20" fillId="0" borderId="45" xfId="0" applyFont="1" applyBorder="1" applyAlignment="1">
      <alignment horizontal="center" vertical="center"/>
    </xf>
    <xf numFmtId="0" fontId="6" fillId="0" borderId="49" xfId="0" applyFont="1" applyBorder="1" applyAlignment="1">
      <alignment horizontal="center" vertical="center"/>
    </xf>
    <xf numFmtId="0" fontId="6" fillId="0" borderId="50" xfId="0" applyFont="1" applyBorder="1" applyAlignment="1">
      <alignment horizontal="center" vertical="center"/>
    </xf>
    <xf numFmtId="0" fontId="6" fillId="0" borderId="51" xfId="0" applyFont="1" applyBorder="1" applyAlignment="1">
      <alignment horizontal="center" vertical="center"/>
    </xf>
    <xf numFmtId="0" fontId="16" fillId="0" borderId="6" xfId="0" applyNumberFormat="1" applyFont="1" applyBorder="1" applyAlignment="1">
      <alignment horizontal="center" vertical="center" shrinkToFit="1"/>
    </xf>
    <xf numFmtId="0" fontId="16" fillId="0" borderId="18" xfId="0" applyNumberFormat="1" applyFont="1" applyBorder="1" applyAlignment="1">
      <alignment horizontal="center" vertical="center" shrinkToFit="1"/>
    </xf>
    <xf numFmtId="0" fontId="16" fillId="0" borderId="9" xfId="0" applyNumberFormat="1" applyFont="1" applyBorder="1" applyAlignment="1">
      <alignment horizontal="center" vertical="center" shrinkToFit="1"/>
    </xf>
    <xf numFmtId="0" fontId="6" fillId="0" borderId="55" xfId="0" applyFont="1" applyBorder="1" applyAlignment="1">
      <alignment horizontal="left" vertical="center"/>
    </xf>
    <xf numFmtId="0" fontId="6" fillId="0" borderId="12" xfId="0" applyFont="1" applyBorder="1" applyAlignment="1">
      <alignment horizontal="left" vertical="center"/>
    </xf>
    <xf numFmtId="0" fontId="21" fillId="0" borderId="26" xfId="0" applyFont="1" applyBorder="1" applyAlignment="1">
      <alignment horizontal="center" vertical="center"/>
    </xf>
    <xf numFmtId="0" fontId="21" fillId="0" borderId="18" xfId="0" applyFont="1" applyBorder="1" applyAlignment="1">
      <alignment horizontal="center" vertical="center"/>
    </xf>
    <xf numFmtId="0" fontId="21" fillId="0" borderId="9" xfId="0" applyFont="1" applyBorder="1" applyAlignment="1">
      <alignment horizontal="center" vertical="center"/>
    </xf>
  </cellXfs>
  <cellStyles count="13">
    <cellStyle name="標準" xfId="0" builtinId="0"/>
    <cellStyle name="標準 2" xfId="1"/>
    <cellStyle name="標準 3" xfId="2"/>
    <cellStyle name="標準 4" xfId="3"/>
    <cellStyle name="標準 4 2" xfId="8"/>
    <cellStyle name="標準 4 2 2" xfId="12"/>
    <cellStyle name="標準 4 3" xfId="10"/>
    <cellStyle name="標準 4 4" xfId="11"/>
    <cellStyle name="標準 5" xfId="4"/>
    <cellStyle name="標準 5 2" xfId="6"/>
    <cellStyle name="標準 6" xfId="5"/>
    <cellStyle name="標準 6 2" xfId="9"/>
    <cellStyle name="標準 7" xfId="7"/>
  </cellStyles>
  <dxfs count="1">
    <dxf>
      <font>
        <color theme="9" tint="0.79998168889431442"/>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O28"/>
  <sheetViews>
    <sheetView zoomScaleNormal="100" workbookViewId="0">
      <selection activeCell="B2" sqref="B2"/>
    </sheetView>
  </sheetViews>
  <sheetFormatPr defaultRowHeight="12.75" x14ac:dyDescent="0.2"/>
  <sheetData>
    <row r="2" spans="2:15" ht="20.100000000000001" customHeight="1" x14ac:dyDescent="0.2"/>
    <row r="3" spans="2:15" ht="20.100000000000001" customHeight="1" x14ac:dyDescent="0.2">
      <c r="B3" s="56" t="s">
        <v>0</v>
      </c>
    </row>
    <row r="4" spans="2:15" ht="20.100000000000001" customHeight="1" x14ac:dyDescent="0.2">
      <c r="B4" s="55"/>
      <c r="O4" s="53" t="s">
        <v>1</v>
      </c>
    </row>
    <row r="5" spans="2:15" ht="20.100000000000001" customHeight="1" x14ac:dyDescent="0.2">
      <c r="B5" s="56" t="s">
        <v>2</v>
      </c>
    </row>
    <row r="6" spans="2:15" ht="20.100000000000001" customHeight="1" x14ac:dyDescent="0.2">
      <c r="B6" s="54" t="s">
        <v>3</v>
      </c>
    </row>
    <row r="7" spans="2:15" ht="20.100000000000001" customHeight="1" x14ac:dyDescent="0.2">
      <c r="B7" s="54" t="s">
        <v>4</v>
      </c>
    </row>
    <row r="8" spans="2:15" ht="20.100000000000001" customHeight="1" x14ac:dyDescent="0.2">
      <c r="B8" s="55"/>
    </row>
    <row r="9" spans="2:15" ht="20.100000000000001" customHeight="1" x14ac:dyDescent="0.2">
      <c r="B9" s="56" t="s">
        <v>5</v>
      </c>
    </row>
    <row r="10" spans="2:15" ht="20.100000000000001" customHeight="1" x14ac:dyDescent="0.2">
      <c r="B10" s="54" t="s">
        <v>6</v>
      </c>
    </row>
    <row r="11" spans="2:15" ht="20.100000000000001" customHeight="1" x14ac:dyDescent="0.2">
      <c r="B11" s="54" t="s">
        <v>7</v>
      </c>
    </row>
    <row r="12" spans="2:15" ht="20.100000000000001" customHeight="1" x14ac:dyDescent="0.2">
      <c r="B12" s="55"/>
    </row>
    <row r="13" spans="2:15" ht="20.100000000000001" customHeight="1" x14ac:dyDescent="0.2">
      <c r="B13" s="56" t="s">
        <v>8</v>
      </c>
    </row>
    <row r="14" spans="2:15" ht="20.100000000000001" customHeight="1" x14ac:dyDescent="0.2">
      <c r="B14" s="54" t="s">
        <v>9</v>
      </c>
    </row>
    <row r="15" spans="2:15" ht="20.100000000000001" customHeight="1" x14ac:dyDescent="0.2">
      <c r="B15" s="54" t="s">
        <v>10</v>
      </c>
    </row>
    <row r="16" spans="2:15" ht="20.100000000000001" customHeight="1" x14ac:dyDescent="0.2">
      <c r="B16" s="54" t="s">
        <v>11</v>
      </c>
    </row>
    <row r="17" spans="2:2" ht="20.100000000000001" customHeight="1" x14ac:dyDescent="0.2">
      <c r="B17" s="54" t="s">
        <v>12</v>
      </c>
    </row>
    <row r="18" spans="2:2" ht="20.100000000000001" customHeight="1" x14ac:dyDescent="0.2">
      <c r="B18" s="54" t="s">
        <v>13</v>
      </c>
    </row>
    <row r="19" spans="2:2" ht="20.100000000000001" customHeight="1" x14ac:dyDescent="0.2">
      <c r="B19" s="54"/>
    </row>
    <row r="20" spans="2:2" ht="20.100000000000001" customHeight="1" x14ac:dyDescent="0.2">
      <c r="B20" s="56" t="s">
        <v>14</v>
      </c>
    </row>
    <row r="21" spans="2:2" ht="20.100000000000001" customHeight="1" x14ac:dyDescent="0.2">
      <c r="B21" s="54" t="s">
        <v>15</v>
      </c>
    </row>
    <row r="22" spans="2:2" ht="20.100000000000001" customHeight="1" x14ac:dyDescent="0.2">
      <c r="B22" s="54" t="s">
        <v>16</v>
      </c>
    </row>
    <row r="23" spans="2:2" ht="20.100000000000001" customHeight="1" x14ac:dyDescent="0.2">
      <c r="B23" s="55"/>
    </row>
    <row r="24" spans="2:2" ht="20.100000000000001" customHeight="1" x14ac:dyDescent="0.2">
      <c r="B24" s="55"/>
    </row>
    <row r="25" spans="2:2" ht="20.100000000000001" customHeight="1" x14ac:dyDescent="0.2">
      <c r="B25" s="55"/>
    </row>
    <row r="26" spans="2:2" ht="20.100000000000001" customHeight="1" x14ac:dyDescent="0.2">
      <c r="B26" s="55"/>
    </row>
    <row r="27" spans="2:2" ht="20.100000000000001" customHeight="1" x14ac:dyDescent="0.2">
      <c r="B27" s="55"/>
    </row>
    <row r="28" spans="2:2" ht="18" x14ac:dyDescent="0.2">
      <c r="B28" s="55"/>
    </row>
  </sheetData>
  <phoneticPr fontId="5"/>
  <pageMargins left="0.7" right="0.7" top="0.75" bottom="0.75" header="0.3" footer="0.3"/>
  <pageSetup paperSize="9" scale="7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H44"/>
  <sheetViews>
    <sheetView showGridLines="0" topLeftCell="A7" zoomScaleNormal="100" workbookViewId="0">
      <selection activeCell="B2" sqref="B2"/>
    </sheetView>
  </sheetViews>
  <sheetFormatPr defaultColWidth="9.140625" defaultRowHeight="14.25" zeroHeight="1" x14ac:dyDescent="0.2"/>
  <cols>
    <col min="1" max="1" width="3.85546875" style="67" customWidth="1"/>
    <col min="2" max="2" width="9.140625" style="65" customWidth="1"/>
    <col min="3" max="3" width="30.7109375" style="67" customWidth="1"/>
    <col min="4" max="4" width="9.140625" style="65" customWidth="1"/>
    <col min="5" max="5" width="30.7109375" style="67" customWidth="1"/>
    <col min="6" max="6" width="4.85546875" style="67" customWidth="1"/>
    <col min="7" max="8" width="0" style="71" hidden="1" customWidth="1"/>
    <col min="9" max="16384" width="9.140625" style="67"/>
  </cols>
  <sheetData>
    <row r="1" spans="2:8" ht="23.25" customHeight="1" x14ac:dyDescent="0.2">
      <c r="B1" s="109" t="s">
        <v>100</v>
      </c>
      <c r="C1" s="110"/>
      <c r="D1" s="110"/>
      <c r="E1" s="110"/>
    </row>
    <row r="2" spans="2:8" s="66" customFormat="1" ht="30" customHeight="1" x14ac:dyDescent="0.2">
      <c r="B2" s="74" t="s">
        <v>76</v>
      </c>
      <c r="C2" s="106"/>
      <c r="D2" s="107"/>
      <c r="E2" s="108"/>
      <c r="G2" s="70"/>
      <c r="H2" s="70"/>
    </row>
    <row r="3" spans="2:8" ht="24.95" customHeight="1" x14ac:dyDescent="0.2">
      <c r="B3" s="63"/>
      <c r="D3" s="62" t="s">
        <v>82</v>
      </c>
      <c r="E3" s="62" t="s">
        <v>84</v>
      </c>
    </row>
    <row r="4" spans="2:8" ht="9.9499999999999993" customHeight="1" x14ac:dyDescent="0.2">
      <c r="B4" s="63"/>
      <c r="E4" s="61"/>
    </row>
    <row r="5" spans="2:8" ht="24" customHeight="1" x14ac:dyDescent="0.2">
      <c r="B5" s="72" t="s">
        <v>18</v>
      </c>
      <c r="C5" s="73" t="s">
        <v>77</v>
      </c>
      <c r="E5" s="67" t="s">
        <v>17</v>
      </c>
    </row>
    <row r="6" spans="2:8" ht="24" customHeight="1" thickBot="1" x14ac:dyDescent="0.25">
      <c r="B6" s="62">
        <v>1</v>
      </c>
      <c r="C6" s="68"/>
      <c r="E6" s="67" t="s">
        <v>79</v>
      </c>
      <c r="G6" s="71">
        <f>IF(C6&lt;&gt;"",1,0)</f>
        <v>0</v>
      </c>
    </row>
    <row r="7" spans="2:8" ht="24" customHeight="1" x14ac:dyDescent="0.2">
      <c r="B7" s="62">
        <v>2</v>
      </c>
      <c r="C7" s="68"/>
      <c r="E7" s="104">
        <f>SUM(G6:G10,G13:H32)</f>
        <v>0</v>
      </c>
      <c r="G7" s="71">
        <f t="shared" ref="G7:G10" si="0">IF(C7&lt;&gt;"",1,0)</f>
        <v>0</v>
      </c>
    </row>
    <row r="8" spans="2:8" ht="24" customHeight="1" thickBot="1" x14ac:dyDescent="0.25">
      <c r="B8" s="62">
        <v>3</v>
      </c>
      <c r="C8" s="68"/>
      <c r="E8" s="105"/>
      <c r="F8" s="67" t="s">
        <v>80</v>
      </c>
      <c r="G8" s="71">
        <f t="shared" si="0"/>
        <v>0</v>
      </c>
    </row>
    <row r="9" spans="2:8" ht="24" customHeight="1" x14ac:dyDescent="0.2">
      <c r="B9" s="62">
        <v>4</v>
      </c>
      <c r="C9" s="68"/>
      <c r="E9" s="64"/>
      <c r="G9" s="71">
        <f t="shared" si="0"/>
        <v>0</v>
      </c>
    </row>
    <row r="10" spans="2:8" ht="24" customHeight="1" x14ac:dyDescent="0.2">
      <c r="B10" s="62">
        <v>5</v>
      </c>
      <c r="C10" s="68"/>
      <c r="E10" s="64"/>
      <c r="G10" s="71">
        <f t="shared" si="0"/>
        <v>0</v>
      </c>
    </row>
    <row r="11" spans="2:8" ht="9.9499999999999993" customHeight="1" x14ac:dyDescent="0.2">
      <c r="B11" s="63"/>
      <c r="C11" s="69"/>
      <c r="E11" s="64"/>
    </row>
    <row r="12" spans="2:8" ht="24" customHeight="1" x14ac:dyDescent="0.2">
      <c r="B12" s="72" t="s">
        <v>19</v>
      </c>
      <c r="C12" s="72" t="s">
        <v>78</v>
      </c>
      <c r="D12" s="72" t="s">
        <v>19</v>
      </c>
      <c r="E12" s="72" t="s">
        <v>78</v>
      </c>
    </row>
    <row r="13" spans="2:8" ht="24" customHeight="1" x14ac:dyDescent="0.2">
      <c r="B13" s="62">
        <v>1</v>
      </c>
      <c r="C13" s="68"/>
      <c r="D13" s="62">
        <v>21</v>
      </c>
      <c r="E13" s="68"/>
      <c r="G13" s="71">
        <f t="shared" ref="G13:G32" si="1">IF(C13&lt;&gt;"",1,0)</f>
        <v>0</v>
      </c>
      <c r="H13" s="71">
        <f>IF(E13&lt;&gt;"",1,0)</f>
        <v>0</v>
      </c>
    </row>
    <row r="14" spans="2:8" ht="24" customHeight="1" x14ac:dyDescent="0.2">
      <c r="B14" s="62">
        <v>2</v>
      </c>
      <c r="C14" s="68"/>
      <c r="D14" s="62">
        <v>22</v>
      </c>
      <c r="E14" s="68"/>
      <c r="G14" s="71">
        <f t="shared" si="1"/>
        <v>0</v>
      </c>
      <c r="H14" s="71">
        <f t="shared" ref="H14:H32" si="2">IF(E14&lt;&gt;"",1,0)</f>
        <v>0</v>
      </c>
    </row>
    <row r="15" spans="2:8" ht="24" customHeight="1" x14ac:dyDescent="0.2">
      <c r="B15" s="62">
        <v>3</v>
      </c>
      <c r="C15" s="68"/>
      <c r="D15" s="62">
        <v>23</v>
      </c>
      <c r="E15" s="68"/>
      <c r="G15" s="71">
        <f t="shared" si="1"/>
        <v>0</v>
      </c>
      <c r="H15" s="71">
        <f t="shared" si="2"/>
        <v>0</v>
      </c>
    </row>
    <row r="16" spans="2:8" ht="24" customHeight="1" x14ac:dyDescent="0.2">
      <c r="B16" s="62">
        <v>4</v>
      </c>
      <c r="C16" s="68"/>
      <c r="D16" s="62">
        <v>24</v>
      </c>
      <c r="E16" s="68"/>
      <c r="G16" s="71">
        <f t="shared" si="1"/>
        <v>0</v>
      </c>
      <c r="H16" s="71">
        <f t="shared" si="2"/>
        <v>0</v>
      </c>
    </row>
    <row r="17" spans="2:8" ht="24" customHeight="1" x14ac:dyDescent="0.2">
      <c r="B17" s="62">
        <v>5</v>
      </c>
      <c r="C17" s="68"/>
      <c r="D17" s="62">
        <v>25</v>
      </c>
      <c r="E17" s="68"/>
      <c r="G17" s="71">
        <f t="shared" si="1"/>
        <v>0</v>
      </c>
      <c r="H17" s="71">
        <f t="shared" si="2"/>
        <v>0</v>
      </c>
    </row>
    <row r="18" spans="2:8" ht="24" customHeight="1" x14ac:dyDescent="0.2">
      <c r="B18" s="62">
        <v>6</v>
      </c>
      <c r="C18" s="68"/>
      <c r="D18" s="62">
        <v>26</v>
      </c>
      <c r="E18" s="68"/>
      <c r="G18" s="71">
        <f t="shared" si="1"/>
        <v>0</v>
      </c>
      <c r="H18" s="71">
        <f t="shared" si="2"/>
        <v>0</v>
      </c>
    </row>
    <row r="19" spans="2:8" ht="24" customHeight="1" x14ac:dyDescent="0.2">
      <c r="B19" s="62">
        <v>7</v>
      </c>
      <c r="C19" s="68"/>
      <c r="D19" s="62">
        <v>27</v>
      </c>
      <c r="E19" s="68"/>
      <c r="G19" s="71">
        <f t="shared" si="1"/>
        <v>0</v>
      </c>
      <c r="H19" s="71">
        <f t="shared" si="2"/>
        <v>0</v>
      </c>
    </row>
    <row r="20" spans="2:8" ht="24" customHeight="1" x14ac:dyDescent="0.2">
      <c r="B20" s="62">
        <v>8</v>
      </c>
      <c r="C20" s="68"/>
      <c r="D20" s="62">
        <v>28</v>
      </c>
      <c r="E20" s="68"/>
      <c r="G20" s="71">
        <f t="shared" si="1"/>
        <v>0</v>
      </c>
      <c r="H20" s="71">
        <f t="shared" si="2"/>
        <v>0</v>
      </c>
    </row>
    <row r="21" spans="2:8" ht="24" customHeight="1" x14ac:dyDescent="0.2">
      <c r="B21" s="62">
        <v>9</v>
      </c>
      <c r="C21" s="68"/>
      <c r="D21" s="62">
        <v>29</v>
      </c>
      <c r="E21" s="68"/>
      <c r="G21" s="71">
        <f t="shared" si="1"/>
        <v>0</v>
      </c>
      <c r="H21" s="71">
        <f t="shared" si="2"/>
        <v>0</v>
      </c>
    </row>
    <row r="22" spans="2:8" ht="24" customHeight="1" x14ac:dyDescent="0.2">
      <c r="B22" s="62">
        <v>10</v>
      </c>
      <c r="C22" s="68"/>
      <c r="D22" s="62">
        <v>30</v>
      </c>
      <c r="E22" s="68"/>
      <c r="G22" s="71">
        <f t="shared" si="1"/>
        <v>0</v>
      </c>
      <c r="H22" s="71">
        <f t="shared" si="2"/>
        <v>0</v>
      </c>
    </row>
    <row r="23" spans="2:8" ht="24" customHeight="1" x14ac:dyDescent="0.2">
      <c r="B23" s="62">
        <v>11</v>
      </c>
      <c r="C23" s="68"/>
      <c r="D23" s="62">
        <v>31</v>
      </c>
      <c r="E23" s="68"/>
      <c r="G23" s="71">
        <f t="shared" si="1"/>
        <v>0</v>
      </c>
      <c r="H23" s="71">
        <f t="shared" si="2"/>
        <v>0</v>
      </c>
    </row>
    <row r="24" spans="2:8" ht="24" customHeight="1" x14ac:dyDescent="0.2">
      <c r="B24" s="62">
        <v>12</v>
      </c>
      <c r="C24" s="68"/>
      <c r="D24" s="62">
        <v>32</v>
      </c>
      <c r="E24" s="68"/>
      <c r="G24" s="71">
        <f t="shared" si="1"/>
        <v>0</v>
      </c>
      <c r="H24" s="71">
        <f t="shared" si="2"/>
        <v>0</v>
      </c>
    </row>
    <row r="25" spans="2:8" ht="24" customHeight="1" x14ac:dyDescent="0.2">
      <c r="B25" s="62">
        <v>13</v>
      </c>
      <c r="C25" s="68"/>
      <c r="D25" s="62">
        <v>33</v>
      </c>
      <c r="E25" s="68"/>
      <c r="G25" s="71">
        <f t="shared" si="1"/>
        <v>0</v>
      </c>
      <c r="H25" s="71">
        <f t="shared" si="2"/>
        <v>0</v>
      </c>
    </row>
    <row r="26" spans="2:8" ht="24" customHeight="1" x14ac:dyDescent="0.2">
      <c r="B26" s="62">
        <v>14</v>
      </c>
      <c r="C26" s="68"/>
      <c r="D26" s="62">
        <v>34</v>
      </c>
      <c r="E26" s="68"/>
      <c r="G26" s="71">
        <f t="shared" si="1"/>
        <v>0</v>
      </c>
      <c r="H26" s="71">
        <f t="shared" si="2"/>
        <v>0</v>
      </c>
    </row>
    <row r="27" spans="2:8" ht="24" customHeight="1" x14ac:dyDescent="0.2">
      <c r="B27" s="62">
        <v>15</v>
      </c>
      <c r="C27" s="68"/>
      <c r="D27" s="62">
        <v>35</v>
      </c>
      <c r="E27" s="68"/>
      <c r="G27" s="71">
        <f t="shared" si="1"/>
        <v>0</v>
      </c>
      <c r="H27" s="71">
        <f t="shared" si="2"/>
        <v>0</v>
      </c>
    </row>
    <row r="28" spans="2:8" ht="24" customHeight="1" x14ac:dyDescent="0.2">
      <c r="B28" s="62">
        <v>16</v>
      </c>
      <c r="C28" s="68"/>
      <c r="D28" s="62">
        <v>36</v>
      </c>
      <c r="E28" s="68"/>
      <c r="G28" s="71">
        <f t="shared" si="1"/>
        <v>0</v>
      </c>
      <c r="H28" s="71">
        <f t="shared" si="2"/>
        <v>0</v>
      </c>
    </row>
    <row r="29" spans="2:8" ht="24" customHeight="1" x14ac:dyDescent="0.2">
      <c r="B29" s="62">
        <v>17</v>
      </c>
      <c r="C29" s="68"/>
      <c r="D29" s="62">
        <v>37</v>
      </c>
      <c r="E29" s="68"/>
      <c r="G29" s="71">
        <f t="shared" si="1"/>
        <v>0</v>
      </c>
      <c r="H29" s="71">
        <f t="shared" si="2"/>
        <v>0</v>
      </c>
    </row>
    <row r="30" spans="2:8" ht="24" customHeight="1" x14ac:dyDescent="0.2">
      <c r="B30" s="62">
        <v>18</v>
      </c>
      <c r="C30" s="68"/>
      <c r="D30" s="62">
        <v>38</v>
      </c>
      <c r="E30" s="68"/>
      <c r="G30" s="71">
        <f t="shared" si="1"/>
        <v>0</v>
      </c>
      <c r="H30" s="71">
        <f t="shared" si="2"/>
        <v>0</v>
      </c>
    </row>
    <row r="31" spans="2:8" ht="24" customHeight="1" x14ac:dyDescent="0.2">
      <c r="B31" s="62">
        <v>19</v>
      </c>
      <c r="C31" s="68"/>
      <c r="D31" s="62">
        <v>39</v>
      </c>
      <c r="E31" s="68"/>
      <c r="G31" s="71">
        <f t="shared" si="1"/>
        <v>0</v>
      </c>
      <c r="H31" s="71">
        <f t="shared" si="2"/>
        <v>0</v>
      </c>
    </row>
    <row r="32" spans="2:8" ht="24" customHeight="1" x14ac:dyDescent="0.2">
      <c r="B32" s="62">
        <v>20</v>
      </c>
      <c r="C32" s="68"/>
      <c r="D32" s="62">
        <v>40</v>
      </c>
      <c r="E32" s="68"/>
      <c r="G32" s="71">
        <f t="shared" si="1"/>
        <v>0</v>
      </c>
      <c r="H32" s="71">
        <f t="shared" si="2"/>
        <v>0</v>
      </c>
    </row>
    <row r="33" ht="20.100000000000001" customHeight="1" x14ac:dyDescent="0.2"/>
    <row r="34" ht="20.100000000000001" hidden="1" customHeight="1" x14ac:dyDescent="0.2"/>
    <row r="35" ht="20.100000000000001" hidden="1" customHeight="1" x14ac:dyDescent="0.2"/>
    <row r="36" ht="20.100000000000001" hidden="1" customHeight="1" x14ac:dyDescent="0.2"/>
    <row r="37" ht="20.100000000000001" hidden="1" customHeight="1" x14ac:dyDescent="0.2"/>
    <row r="38" ht="20.100000000000001" hidden="1" customHeight="1" x14ac:dyDescent="0.2"/>
    <row r="39" ht="20.100000000000001" hidden="1" customHeight="1" x14ac:dyDescent="0.2"/>
    <row r="40" ht="20.100000000000001" hidden="1" customHeight="1" x14ac:dyDescent="0.2"/>
    <row r="41" ht="20.100000000000001" hidden="1" customHeight="1" x14ac:dyDescent="0.2"/>
    <row r="42" ht="20.100000000000001" hidden="1" customHeight="1" x14ac:dyDescent="0.2"/>
    <row r="43" ht="20.100000000000001" hidden="1" customHeight="1" x14ac:dyDescent="0.2"/>
    <row r="44" ht="20.100000000000001" hidden="1" customHeight="1" x14ac:dyDescent="0.2"/>
  </sheetData>
  <mergeCells count="3">
    <mergeCell ref="E7:E8"/>
    <mergeCell ref="C2:E2"/>
    <mergeCell ref="B1:E1"/>
  </mergeCells>
  <phoneticPr fontId="5"/>
  <dataValidations count="1">
    <dataValidation type="list" allowBlank="1" showInputMessage="1" showErrorMessage="1" sqref="E3">
      <formula1>"９人制男子,９人制女子,４号球"</formula1>
    </dataValidation>
  </dataValidations>
  <pageMargins left="0.70866141732283472" right="0.39370078740157483" top="0.74803149606299213" bottom="0.55118110236220474"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B2:I32"/>
  <sheetViews>
    <sheetView showGridLines="0" tabSelected="1" view="pageBreakPreview" zoomScale="60" zoomScaleNormal="60" workbookViewId="0">
      <selection activeCell="B3" sqref="B3:I3"/>
    </sheetView>
  </sheetViews>
  <sheetFormatPr defaultColWidth="9.5703125" defaultRowHeight="19.5" x14ac:dyDescent="0.2"/>
  <cols>
    <col min="1" max="1" width="3" style="75" customWidth="1"/>
    <col min="2" max="9" width="18.140625" style="75" customWidth="1"/>
    <col min="10" max="16384" width="9.5703125" style="75"/>
  </cols>
  <sheetData>
    <row r="2" spans="2:9" ht="20.65" customHeight="1" x14ac:dyDescent="0.2">
      <c r="B2" s="111" t="s">
        <v>101</v>
      </c>
      <c r="C2" s="111"/>
      <c r="D2" s="111"/>
      <c r="E2" s="111"/>
      <c r="F2" s="111"/>
      <c r="G2" s="111"/>
      <c r="H2" s="111"/>
      <c r="I2" s="111"/>
    </row>
    <row r="3" spans="2:9" ht="30" x14ac:dyDescent="0.2">
      <c r="B3" s="130" t="s">
        <v>85</v>
      </c>
      <c r="C3" s="130"/>
      <c r="D3" s="130"/>
      <c r="E3" s="130"/>
      <c r="F3" s="130"/>
      <c r="G3" s="130"/>
      <c r="H3" s="130"/>
      <c r="I3" s="130"/>
    </row>
    <row r="4" spans="2:9" ht="134.44999999999999" customHeight="1" x14ac:dyDescent="0.2">
      <c r="B4" s="131" t="s">
        <v>86</v>
      </c>
      <c r="C4" s="132"/>
      <c r="D4" s="132"/>
      <c r="E4" s="132"/>
      <c r="F4" s="132"/>
      <c r="G4" s="132"/>
      <c r="H4" s="132"/>
      <c r="I4" s="133"/>
    </row>
    <row r="5" spans="2:9" ht="12.6" customHeight="1" x14ac:dyDescent="0.2"/>
    <row r="6" spans="2:9" x14ac:dyDescent="0.2">
      <c r="B6" s="75" t="s">
        <v>53</v>
      </c>
      <c r="G6" s="52" t="s">
        <v>54</v>
      </c>
    </row>
    <row r="7" spans="2:9" ht="53.1" customHeight="1" x14ac:dyDescent="0.2">
      <c r="B7" s="76" t="s">
        <v>87</v>
      </c>
      <c r="C7" s="134"/>
      <c r="D7" s="135"/>
      <c r="E7" s="136"/>
      <c r="F7" s="148" t="s">
        <v>81</v>
      </c>
      <c r="G7" s="149"/>
      <c r="H7" s="149"/>
      <c r="I7" s="150"/>
    </row>
    <row r="8" spans="2:9" ht="53.1" customHeight="1" x14ac:dyDescent="0.2">
      <c r="B8" s="77" t="s">
        <v>55</v>
      </c>
      <c r="C8" s="137"/>
      <c r="D8" s="138"/>
      <c r="E8" s="139"/>
      <c r="F8" s="78" t="s">
        <v>56</v>
      </c>
      <c r="G8" s="79" t="s">
        <v>57</v>
      </c>
      <c r="H8" s="80" t="s">
        <v>58</v>
      </c>
      <c r="I8" s="81" t="s">
        <v>88</v>
      </c>
    </row>
    <row r="9" spans="2:9" ht="46.5" customHeight="1" x14ac:dyDescent="0.2">
      <c r="B9" s="140" t="s">
        <v>59</v>
      </c>
      <c r="C9" s="142"/>
      <c r="D9" s="143"/>
      <c r="E9" s="144"/>
      <c r="F9" s="82" t="s">
        <v>89</v>
      </c>
      <c r="G9" s="134"/>
      <c r="H9" s="135"/>
      <c r="I9" s="136"/>
    </row>
    <row r="10" spans="2:9" ht="46.5" customHeight="1" x14ac:dyDescent="0.2">
      <c r="B10" s="141"/>
      <c r="C10" s="145"/>
      <c r="D10" s="146"/>
      <c r="E10" s="147"/>
      <c r="F10" s="83" t="s">
        <v>90</v>
      </c>
      <c r="G10" s="134"/>
      <c r="H10" s="135"/>
      <c r="I10" s="136"/>
    </row>
    <row r="11" spans="2:9" ht="65.650000000000006" customHeight="1" x14ac:dyDescent="0.2">
      <c r="B11" s="84" t="s">
        <v>91</v>
      </c>
      <c r="C11" s="121" t="s">
        <v>92</v>
      </c>
      <c r="D11" s="122"/>
      <c r="E11" s="122"/>
      <c r="F11" s="122"/>
      <c r="G11" s="122"/>
      <c r="H11" s="122"/>
      <c r="I11" s="123"/>
    </row>
    <row r="12" spans="2:9" ht="13.5" customHeight="1" x14ac:dyDescent="0.2"/>
    <row r="13" spans="2:9" x14ac:dyDescent="0.2">
      <c r="B13" s="75" t="s">
        <v>93</v>
      </c>
      <c r="I13" s="85"/>
    </row>
    <row r="14" spans="2:9" ht="35.65" customHeight="1" x14ac:dyDescent="0.2">
      <c r="B14" s="86" t="s">
        <v>60</v>
      </c>
      <c r="C14" s="86" t="s">
        <v>61</v>
      </c>
      <c r="D14" s="87"/>
      <c r="E14" s="88"/>
      <c r="F14" s="87"/>
      <c r="G14" s="88"/>
      <c r="H14" s="87"/>
      <c r="I14" s="88"/>
    </row>
    <row r="15" spans="2:9" ht="52.5" customHeight="1" x14ac:dyDescent="0.2">
      <c r="B15" s="89" t="s">
        <v>94</v>
      </c>
      <c r="C15" s="90" t="s">
        <v>62</v>
      </c>
      <c r="D15" s="91"/>
      <c r="E15" s="92"/>
      <c r="F15" s="91"/>
      <c r="G15" s="92"/>
      <c r="H15" s="91"/>
      <c r="I15" s="92"/>
    </row>
    <row r="17" spans="2:9" ht="24" x14ac:dyDescent="0.2">
      <c r="B17" s="93" t="s">
        <v>95</v>
      </c>
    </row>
    <row r="18" spans="2:9" ht="24" x14ac:dyDescent="0.2">
      <c r="B18" s="124" t="s">
        <v>63</v>
      </c>
      <c r="C18" s="125"/>
      <c r="D18" s="125"/>
      <c r="E18" s="125"/>
      <c r="F18" s="125"/>
      <c r="G18" s="125"/>
      <c r="H18" s="126"/>
      <c r="I18" s="94" t="s">
        <v>64</v>
      </c>
    </row>
    <row r="19" spans="2:9" ht="52.5" customHeight="1" x14ac:dyDescent="0.2">
      <c r="B19" s="127" t="s">
        <v>65</v>
      </c>
      <c r="C19" s="128"/>
      <c r="D19" s="128"/>
      <c r="E19" s="128"/>
      <c r="F19" s="128"/>
      <c r="G19" s="128"/>
      <c r="H19" s="129"/>
      <c r="I19" s="95"/>
    </row>
    <row r="20" spans="2:9" ht="52.5" customHeight="1" x14ac:dyDescent="0.2">
      <c r="B20" s="112" t="s">
        <v>66</v>
      </c>
      <c r="C20" s="113"/>
      <c r="D20" s="113"/>
      <c r="E20" s="113"/>
      <c r="F20" s="113"/>
      <c r="G20" s="113"/>
      <c r="H20" s="114"/>
      <c r="I20" s="95"/>
    </row>
    <row r="21" spans="2:9" ht="52.5" customHeight="1" x14ac:dyDescent="0.2">
      <c r="B21" s="112" t="s">
        <v>67</v>
      </c>
      <c r="C21" s="113"/>
      <c r="D21" s="113"/>
      <c r="E21" s="113"/>
      <c r="F21" s="113"/>
      <c r="G21" s="113"/>
      <c r="H21" s="114"/>
      <c r="I21" s="95"/>
    </row>
    <row r="22" spans="2:9" ht="52.5" customHeight="1" x14ac:dyDescent="0.2">
      <c r="B22" s="127" t="s">
        <v>68</v>
      </c>
      <c r="C22" s="128"/>
      <c r="D22" s="128"/>
      <c r="E22" s="128"/>
      <c r="F22" s="128"/>
      <c r="G22" s="128"/>
      <c r="H22" s="129"/>
      <c r="I22" s="95"/>
    </row>
    <row r="23" spans="2:9" ht="52.5" customHeight="1" x14ac:dyDescent="0.2">
      <c r="B23" s="112" t="s">
        <v>69</v>
      </c>
      <c r="C23" s="113"/>
      <c r="D23" s="113"/>
      <c r="E23" s="113"/>
      <c r="F23" s="113"/>
      <c r="G23" s="113"/>
      <c r="H23" s="114"/>
      <c r="I23" s="95"/>
    </row>
    <row r="24" spans="2:9" ht="52.5" customHeight="1" x14ac:dyDescent="0.2">
      <c r="B24" s="112" t="s">
        <v>70</v>
      </c>
      <c r="C24" s="113"/>
      <c r="D24" s="113"/>
      <c r="E24" s="113"/>
      <c r="F24" s="113"/>
      <c r="G24" s="113"/>
      <c r="H24" s="114"/>
      <c r="I24" s="95"/>
    </row>
    <row r="25" spans="2:9" ht="52.5" customHeight="1" x14ac:dyDescent="0.2">
      <c r="B25" s="112" t="s">
        <v>71</v>
      </c>
      <c r="C25" s="113"/>
      <c r="D25" s="113"/>
      <c r="E25" s="113"/>
      <c r="F25" s="113"/>
      <c r="G25" s="113"/>
      <c r="H25" s="114"/>
      <c r="I25" s="95"/>
    </row>
    <row r="26" spans="2:9" ht="26.25" customHeight="1" x14ac:dyDescent="0.2">
      <c r="B26" s="115" t="s">
        <v>72</v>
      </c>
      <c r="C26" s="116"/>
      <c r="D26" s="116"/>
      <c r="E26" s="116"/>
      <c r="F26" s="116"/>
      <c r="G26" s="116"/>
      <c r="H26" s="117"/>
      <c r="I26" s="96"/>
    </row>
    <row r="27" spans="2:9" ht="26.25" customHeight="1" x14ac:dyDescent="0.2">
      <c r="B27" s="118" t="s">
        <v>73</v>
      </c>
      <c r="C27" s="119"/>
      <c r="D27" s="119"/>
      <c r="E27" s="119"/>
      <c r="F27" s="119"/>
      <c r="G27" s="119"/>
      <c r="H27" s="120"/>
      <c r="I27" s="97"/>
    </row>
    <row r="28" spans="2:9" ht="31.5" customHeight="1" x14ac:dyDescent="0.2">
      <c r="B28" s="115" t="s">
        <v>74</v>
      </c>
      <c r="C28" s="116"/>
      <c r="D28" s="116"/>
      <c r="E28" s="116"/>
      <c r="F28" s="116"/>
      <c r="G28" s="116"/>
      <c r="H28" s="116"/>
      <c r="I28" s="98"/>
    </row>
    <row r="29" spans="2:9" ht="77.25" customHeight="1" x14ac:dyDescent="0.2">
      <c r="B29" s="118"/>
      <c r="C29" s="119"/>
      <c r="D29" s="119"/>
      <c r="E29" s="119"/>
      <c r="F29" s="119"/>
      <c r="G29" s="119"/>
      <c r="H29" s="119"/>
      <c r="I29" s="99"/>
    </row>
    <row r="31" spans="2:9" ht="6" customHeight="1" x14ac:dyDescent="0.2"/>
    <row r="32" spans="2:9" ht="21" x14ac:dyDescent="0.2">
      <c r="C32" s="100"/>
      <c r="D32" s="101" t="s">
        <v>75</v>
      </c>
      <c r="E32" s="102" t="s">
        <v>96</v>
      </c>
      <c r="F32" s="103" t="s">
        <v>97</v>
      </c>
      <c r="G32" s="103" t="s">
        <v>98</v>
      </c>
      <c r="H32" s="103" t="s">
        <v>99</v>
      </c>
      <c r="I32" s="103"/>
    </row>
  </sheetData>
  <mergeCells count="22">
    <mergeCell ref="B27:H27"/>
    <mergeCell ref="B28:H29"/>
    <mergeCell ref="C11:I11"/>
    <mergeCell ref="B18:H18"/>
    <mergeCell ref="B19:H19"/>
    <mergeCell ref="B20:H20"/>
    <mergeCell ref="B21:H21"/>
    <mergeCell ref="B22:H22"/>
    <mergeCell ref="B2:I2"/>
    <mergeCell ref="B23:H23"/>
    <mergeCell ref="B24:H24"/>
    <mergeCell ref="B25:H25"/>
    <mergeCell ref="B26:H26"/>
    <mergeCell ref="B3:I3"/>
    <mergeCell ref="B4:I4"/>
    <mergeCell ref="C7:E7"/>
    <mergeCell ref="C8:E8"/>
    <mergeCell ref="B9:B10"/>
    <mergeCell ref="C9:E10"/>
    <mergeCell ref="G9:I9"/>
    <mergeCell ref="G10:I10"/>
    <mergeCell ref="F7:I7"/>
  </mergeCells>
  <phoneticPr fontId="5"/>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K52"/>
  <sheetViews>
    <sheetView view="pageBreakPreview" zoomScale="60" zoomScaleNormal="70" workbookViewId="0">
      <selection activeCell="D44" sqref="D44"/>
    </sheetView>
  </sheetViews>
  <sheetFormatPr defaultColWidth="9.42578125" defaultRowHeight="15.75" x14ac:dyDescent="0.2"/>
  <cols>
    <col min="1" max="1" width="5" style="22" customWidth="1"/>
    <col min="2" max="2" width="11.5703125" style="1" bestFit="1" customWidth="1"/>
    <col min="3" max="3" width="5" style="22" customWidth="1"/>
    <col min="4" max="4" width="13" style="1" customWidth="1"/>
    <col min="5" max="6" width="4.5703125" style="1" customWidth="1"/>
    <col min="7" max="7" width="37.5703125" style="1" customWidth="1"/>
    <col min="8" max="9" width="4.5703125" style="1" customWidth="1"/>
    <col min="10" max="10" width="17.28515625" style="22" customWidth="1"/>
    <col min="11" max="11" width="39.42578125" style="1" customWidth="1"/>
    <col min="12" max="16384" width="9.42578125" style="1"/>
  </cols>
  <sheetData>
    <row r="1" spans="1:11" ht="23.1" customHeight="1" x14ac:dyDescent="0.2">
      <c r="A1" s="151" t="s">
        <v>83</v>
      </c>
      <c r="B1" s="151"/>
      <c r="C1" s="151"/>
      <c r="D1" s="151"/>
      <c r="E1" s="151"/>
      <c r="F1" s="151"/>
      <c r="G1" s="151"/>
      <c r="H1" s="151"/>
      <c r="I1" s="151"/>
      <c r="J1" s="151"/>
      <c r="K1" s="151"/>
    </row>
    <row r="2" spans="1:11" ht="29.65" customHeight="1" x14ac:dyDescent="0.2">
      <c r="A2" s="155" t="s">
        <v>20</v>
      </c>
      <c r="B2" s="155"/>
      <c r="C2" s="155"/>
      <c r="D2" s="155"/>
      <c r="E2" s="155"/>
      <c r="F2" s="155"/>
      <c r="G2" s="155"/>
      <c r="H2" s="155"/>
      <c r="I2" s="155"/>
      <c r="J2" s="155"/>
      <c r="K2" s="155"/>
    </row>
    <row r="3" spans="1:11" ht="11.25" customHeight="1" x14ac:dyDescent="0.2">
      <c r="A3" s="151"/>
      <c r="B3" s="151"/>
      <c r="C3" s="151"/>
      <c r="D3" s="151"/>
      <c r="E3" s="151"/>
      <c r="F3" s="151"/>
      <c r="G3" s="151"/>
      <c r="H3" s="151"/>
      <c r="I3" s="151"/>
      <c r="J3" s="151"/>
      <c r="K3" s="151"/>
    </row>
    <row r="4" spans="1:11" ht="18.600000000000001" customHeight="1" x14ac:dyDescent="0.2">
      <c r="A4" s="40" t="s">
        <v>21</v>
      </c>
      <c r="B4" s="3"/>
      <c r="C4" s="3"/>
      <c r="D4" s="3"/>
      <c r="E4" s="3"/>
      <c r="F4" s="3"/>
      <c r="G4" s="2"/>
      <c r="H4" s="3"/>
      <c r="I4" s="3"/>
      <c r="J4" s="2"/>
      <c r="K4" s="2"/>
    </row>
    <row r="5" spans="1:11" ht="18.600000000000001" customHeight="1" x14ac:dyDescent="0.2">
      <c r="A5" s="40" t="s">
        <v>22</v>
      </c>
      <c r="B5" s="3"/>
      <c r="C5" s="4"/>
      <c r="D5" s="4"/>
      <c r="E5" s="4"/>
      <c r="F5" s="4"/>
      <c r="G5" s="2"/>
      <c r="H5" s="4"/>
      <c r="I5" s="4"/>
      <c r="J5" s="5"/>
      <c r="K5" s="5"/>
    </row>
    <row r="6" spans="1:11" ht="18.600000000000001" customHeight="1" x14ac:dyDescent="0.2">
      <c r="A6" s="40" t="s">
        <v>23</v>
      </c>
      <c r="B6" s="3"/>
      <c r="C6" s="3"/>
      <c r="D6" s="3"/>
      <c r="E6" s="3"/>
      <c r="F6" s="3"/>
      <c r="G6" s="3"/>
      <c r="H6" s="3"/>
      <c r="I6" s="3"/>
      <c r="J6" s="3"/>
      <c r="K6" s="3"/>
    </row>
    <row r="7" spans="1:11" ht="18.600000000000001" customHeight="1" thickBot="1" x14ac:dyDescent="0.25">
      <c r="A7" s="40" t="s">
        <v>24</v>
      </c>
      <c r="B7" s="3"/>
      <c r="C7" s="4"/>
      <c r="D7" s="4"/>
      <c r="E7" s="4"/>
      <c r="F7" s="4"/>
      <c r="G7" s="2"/>
      <c r="H7" s="4"/>
      <c r="I7" s="4"/>
      <c r="J7" s="5"/>
      <c r="K7" s="5"/>
    </row>
    <row r="8" spans="1:11" ht="27.6" customHeight="1" thickBot="1" x14ac:dyDescent="0.25">
      <c r="A8" s="156" t="s">
        <v>25</v>
      </c>
      <c r="B8" s="157"/>
      <c r="C8" s="157"/>
      <c r="D8" s="158"/>
      <c r="E8" s="170" t="s">
        <v>26</v>
      </c>
      <c r="F8" s="171"/>
      <c r="G8" s="172"/>
      <c r="H8" s="29"/>
      <c r="I8" s="29"/>
      <c r="J8" s="159"/>
      <c r="K8" s="159"/>
    </row>
    <row r="9" spans="1:11" ht="18" customHeight="1" x14ac:dyDescent="0.2">
      <c r="A9" s="160" t="s">
        <v>27</v>
      </c>
      <c r="B9" s="162" t="s">
        <v>28</v>
      </c>
      <c r="C9" s="164" t="s">
        <v>29</v>
      </c>
      <c r="D9" s="166" t="s">
        <v>30</v>
      </c>
      <c r="E9" s="173" t="s">
        <v>31</v>
      </c>
      <c r="F9" s="174"/>
      <c r="G9" s="175"/>
      <c r="H9" s="178" t="s">
        <v>32</v>
      </c>
      <c r="I9" s="179"/>
      <c r="J9" s="180"/>
      <c r="K9" s="168" t="s">
        <v>33</v>
      </c>
    </row>
    <row r="10" spans="1:11" ht="20.100000000000001" customHeight="1" x14ac:dyDescent="0.2">
      <c r="A10" s="161"/>
      <c r="B10" s="163"/>
      <c r="C10" s="165"/>
      <c r="D10" s="167"/>
      <c r="E10" s="34" t="s">
        <v>34</v>
      </c>
      <c r="F10" s="38" t="s">
        <v>35</v>
      </c>
      <c r="G10" s="36" t="s">
        <v>36</v>
      </c>
      <c r="H10" s="35" t="s">
        <v>37</v>
      </c>
      <c r="I10" s="39" t="s">
        <v>38</v>
      </c>
      <c r="J10" s="37" t="s">
        <v>36</v>
      </c>
      <c r="K10" s="169"/>
    </row>
    <row r="11" spans="1:11" ht="35.65" customHeight="1" x14ac:dyDescent="0.2">
      <c r="A11" s="6" t="s">
        <v>39</v>
      </c>
      <c r="B11" s="41">
        <v>43850</v>
      </c>
      <c r="C11" s="42" t="s">
        <v>40</v>
      </c>
      <c r="D11" s="43">
        <v>36.5</v>
      </c>
      <c r="E11" s="44"/>
      <c r="F11" s="45" t="s">
        <v>41</v>
      </c>
      <c r="G11" s="46" t="s">
        <v>42</v>
      </c>
      <c r="H11" s="47" t="s">
        <v>41</v>
      </c>
      <c r="I11" s="48"/>
      <c r="J11" s="49"/>
      <c r="K11" s="50" t="s">
        <v>43</v>
      </c>
    </row>
    <row r="12" spans="1:11" ht="28.5" customHeight="1" x14ac:dyDescent="0.2">
      <c r="A12" s="57">
        <v>1</v>
      </c>
      <c r="B12" s="7">
        <v>44666</v>
      </c>
      <c r="C12" s="60" t="s">
        <v>50</v>
      </c>
      <c r="D12" s="59"/>
      <c r="E12" s="23"/>
      <c r="F12" s="26"/>
      <c r="G12" s="8"/>
      <c r="H12" s="23"/>
      <c r="I12" s="58"/>
      <c r="J12" s="30"/>
      <c r="K12" s="9"/>
    </row>
    <row r="13" spans="1:11" ht="28.5" customHeight="1" x14ac:dyDescent="0.2">
      <c r="A13" s="57">
        <v>2</v>
      </c>
      <c r="B13" s="7">
        <v>44667</v>
      </c>
      <c r="C13" s="60" t="s">
        <v>44</v>
      </c>
      <c r="D13" s="59"/>
      <c r="E13" s="23"/>
      <c r="F13" s="26"/>
      <c r="G13" s="8"/>
      <c r="H13" s="23"/>
      <c r="I13" s="58"/>
      <c r="J13" s="30"/>
      <c r="K13" s="9"/>
    </row>
    <row r="14" spans="1:11" ht="28.5" customHeight="1" x14ac:dyDescent="0.2">
      <c r="A14" s="57">
        <v>3</v>
      </c>
      <c r="B14" s="7">
        <v>44668</v>
      </c>
      <c r="C14" s="60" t="s">
        <v>45</v>
      </c>
      <c r="D14" s="59"/>
      <c r="E14" s="23"/>
      <c r="F14" s="26"/>
      <c r="G14" s="8"/>
      <c r="H14" s="23"/>
      <c r="I14" s="58"/>
      <c r="J14" s="30"/>
      <c r="K14" s="9"/>
    </row>
    <row r="15" spans="1:11" ht="28.5" customHeight="1" x14ac:dyDescent="0.2">
      <c r="A15" s="57">
        <v>4</v>
      </c>
      <c r="B15" s="7">
        <v>44669</v>
      </c>
      <c r="C15" s="60" t="s">
        <v>46</v>
      </c>
      <c r="D15" s="59"/>
      <c r="E15" s="23"/>
      <c r="F15" s="26"/>
      <c r="G15" s="8"/>
      <c r="H15" s="23"/>
      <c r="I15" s="58"/>
      <c r="J15" s="30"/>
      <c r="K15" s="9"/>
    </row>
    <row r="16" spans="1:11" ht="28.5" customHeight="1" x14ac:dyDescent="0.2">
      <c r="A16" s="57">
        <v>5</v>
      </c>
      <c r="B16" s="7">
        <v>44670</v>
      </c>
      <c r="C16" s="60" t="s">
        <v>47</v>
      </c>
      <c r="D16" s="59"/>
      <c r="E16" s="23"/>
      <c r="F16" s="26"/>
      <c r="G16" s="8"/>
      <c r="H16" s="23"/>
      <c r="I16" s="58"/>
      <c r="J16" s="30"/>
      <c r="K16" s="9"/>
    </row>
    <row r="17" spans="1:11" ht="28.5" customHeight="1" x14ac:dyDescent="0.2">
      <c r="A17" s="57">
        <v>6</v>
      </c>
      <c r="B17" s="7">
        <v>44671</v>
      </c>
      <c r="C17" s="60" t="s">
        <v>48</v>
      </c>
      <c r="D17" s="59"/>
      <c r="E17" s="23"/>
      <c r="F17" s="26"/>
      <c r="G17" s="8"/>
      <c r="H17" s="23"/>
      <c r="I17" s="58"/>
      <c r="J17" s="30"/>
      <c r="K17" s="9"/>
    </row>
    <row r="18" spans="1:11" ht="28.5" customHeight="1" x14ac:dyDescent="0.2">
      <c r="A18" s="57">
        <v>7</v>
      </c>
      <c r="B18" s="7">
        <v>44672</v>
      </c>
      <c r="C18" s="60" t="s">
        <v>49</v>
      </c>
      <c r="D18" s="59"/>
      <c r="E18" s="23"/>
      <c r="F18" s="26"/>
      <c r="G18" s="8"/>
      <c r="H18" s="23"/>
      <c r="I18" s="58"/>
      <c r="J18" s="30"/>
      <c r="K18" s="9"/>
    </row>
    <row r="19" spans="1:11" ht="28.5" customHeight="1" x14ac:dyDescent="0.2">
      <c r="A19" s="57">
        <v>8</v>
      </c>
      <c r="B19" s="7">
        <v>44673</v>
      </c>
      <c r="C19" s="60" t="s">
        <v>50</v>
      </c>
      <c r="D19" s="59"/>
      <c r="E19" s="23"/>
      <c r="F19" s="26"/>
      <c r="G19" s="8"/>
      <c r="H19" s="23"/>
      <c r="I19" s="58"/>
      <c r="J19" s="30"/>
      <c r="K19" s="9"/>
    </row>
    <row r="20" spans="1:11" ht="28.5" customHeight="1" x14ac:dyDescent="0.2">
      <c r="A20" s="57">
        <v>9</v>
      </c>
      <c r="B20" s="7">
        <v>44674</v>
      </c>
      <c r="C20" s="60" t="s">
        <v>44</v>
      </c>
      <c r="D20" s="59"/>
      <c r="E20" s="23"/>
      <c r="F20" s="26"/>
      <c r="G20" s="8"/>
      <c r="H20" s="23"/>
      <c r="I20" s="58"/>
      <c r="J20" s="30"/>
      <c r="K20" s="9"/>
    </row>
    <row r="21" spans="1:11" ht="28.5" customHeight="1" x14ac:dyDescent="0.2">
      <c r="A21" s="57">
        <v>10</v>
      </c>
      <c r="B21" s="7">
        <v>44675</v>
      </c>
      <c r="C21" s="60" t="s">
        <v>45</v>
      </c>
      <c r="D21" s="59"/>
      <c r="E21" s="23"/>
      <c r="F21" s="26"/>
      <c r="G21" s="8"/>
      <c r="H21" s="23"/>
      <c r="I21" s="58"/>
      <c r="J21" s="30"/>
      <c r="K21" s="9"/>
    </row>
    <row r="22" spans="1:11" ht="28.5" customHeight="1" x14ac:dyDescent="0.2">
      <c r="A22" s="57">
        <v>11</v>
      </c>
      <c r="B22" s="7">
        <v>44676</v>
      </c>
      <c r="C22" s="60" t="s">
        <v>46</v>
      </c>
      <c r="D22" s="59"/>
      <c r="E22" s="23"/>
      <c r="F22" s="26"/>
      <c r="G22" s="8"/>
      <c r="H22" s="23"/>
      <c r="I22" s="58"/>
      <c r="J22" s="30"/>
      <c r="K22" s="9"/>
    </row>
    <row r="23" spans="1:11" ht="28.5" customHeight="1" x14ac:dyDescent="0.2">
      <c r="A23" s="57">
        <v>12</v>
      </c>
      <c r="B23" s="7">
        <v>44677</v>
      </c>
      <c r="C23" s="60" t="s">
        <v>47</v>
      </c>
      <c r="D23" s="59"/>
      <c r="E23" s="23"/>
      <c r="F23" s="26"/>
      <c r="G23" s="8"/>
      <c r="H23" s="23"/>
      <c r="I23" s="58"/>
      <c r="J23" s="30"/>
      <c r="K23" s="9"/>
    </row>
    <row r="24" spans="1:11" ht="28.5" customHeight="1" x14ac:dyDescent="0.2">
      <c r="A24" s="57">
        <v>13</v>
      </c>
      <c r="B24" s="7">
        <v>44678</v>
      </c>
      <c r="C24" s="60" t="s">
        <v>48</v>
      </c>
      <c r="D24" s="59"/>
      <c r="E24" s="23"/>
      <c r="F24" s="26"/>
      <c r="G24" s="8"/>
      <c r="H24" s="23"/>
      <c r="I24" s="58"/>
      <c r="J24" s="30"/>
      <c r="K24" s="9"/>
    </row>
    <row r="25" spans="1:11" ht="28.5" customHeight="1" x14ac:dyDescent="0.2">
      <c r="A25" s="57">
        <v>14</v>
      </c>
      <c r="B25" s="7">
        <v>44679</v>
      </c>
      <c r="C25" s="60" t="s">
        <v>49</v>
      </c>
      <c r="D25" s="59"/>
      <c r="E25" s="23"/>
      <c r="F25" s="26"/>
      <c r="G25" s="8"/>
      <c r="H25" s="23"/>
      <c r="I25" s="58"/>
      <c r="J25" s="30"/>
      <c r="K25" s="9"/>
    </row>
    <row r="26" spans="1:11" ht="28.5" customHeight="1" x14ac:dyDescent="0.2">
      <c r="A26" s="57">
        <v>15</v>
      </c>
      <c r="B26" s="7">
        <v>44680</v>
      </c>
      <c r="C26" s="60" t="s">
        <v>50</v>
      </c>
      <c r="D26" s="59"/>
      <c r="E26" s="23"/>
      <c r="F26" s="26"/>
      <c r="G26" s="8"/>
      <c r="H26" s="23"/>
      <c r="I26" s="58"/>
      <c r="J26" s="30"/>
      <c r="K26" s="9"/>
    </row>
    <row r="27" spans="1:11" ht="28.5" customHeight="1" x14ac:dyDescent="0.2">
      <c r="A27" s="57">
        <v>16</v>
      </c>
      <c r="B27" s="7">
        <v>44681</v>
      </c>
      <c r="C27" s="60" t="s">
        <v>44</v>
      </c>
      <c r="D27" s="59"/>
      <c r="E27" s="23"/>
      <c r="F27" s="26"/>
      <c r="G27" s="8"/>
      <c r="H27" s="23"/>
      <c r="I27" s="58"/>
      <c r="J27" s="30"/>
      <c r="K27" s="9"/>
    </row>
    <row r="28" spans="1:11" ht="28.5" customHeight="1" x14ac:dyDescent="0.2">
      <c r="A28" s="57">
        <v>17</v>
      </c>
      <c r="B28" s="7"/>
      <c r="C28" s="58"/>
      <c r="D28" s="59"/>
      <c r="E28" s="23"/>
      <c r="F28" s="26"/>
      <c r="G28" s="8"/>
      <c r="H28" s="23"/>
      <c r="I28" s="58"/>
      <c r="J28" s="30"/>
      <c r="K28" s="9"/>
    </row>
    <row r="29" spans="1:11" ht="28.5" customHeight="1" x14ac:dyDescent="0.2">
      <c r="A29" s="57">
        <v>18</v>
      </c>
      <c r="B29" s="7"/>
      <c r="C29" s="58"/>
      <c r="D29" s="59"/>
      <c r="E29" s="23"/>
      <c r="F29" s="26"/>
      <c r="G29" s="8"/>
      <c r="H29" s="23"/>
      <c r="I29" s="58"/>
      <c r="J29" s="30"/>
      <c r="K29" s="9"/>
    </row>
    <row r="30" spans="1:11" ht="28.5" customHeight="1" x14ac:dyDescent="0.2">
      <c r="A30" s="57">
        <v>19</v>
      </c>
      <c r="B30" s="7"/>
      <c r="C30" s="58"/>
      <c r="D30" s="59"/>
      <c r="E30" s="23"/>
      <c r="F30" s="26"/>
      <c r="G30" s="8"/>
      <c r="H30" s="23"/>
      <c r="I30" s="58"/>
      <c r="J30" s="30"/>
      <c r="K30" s="9"/>
    </row>
    <row r="31" spans="1:11" ht="28.5" customHeight="1" x14ac:dyDescent="0.2">
      <c r="A31" s="10">
        <v>20</v>
      </c>
      <c r="B31" s="11"/>
      <c r="C31" s="12"/>
      <c r="D31" s="13"/>
      <c r="E31" s="24"/>
      <c r="F31" s="27"/>
      <c r="G31" s="14"/>
      <c r="H31" s="24"/>
      <c r="I31" s="12"/>
      <c r="J31" s="31"/>
      <c r="K31" s="15"/>
    </row>
    <row r="32" spans="1:11" ht="28.5" customHeight="1" x14ac:dyDescent="0.2">
      <c r="A32" s="57">
        <v>21</v>
      </c>
      <c r="B32" s="7"/>
      <c r="C32" s="58"/>
      <c r="D32" s="59"/>
      <c r="E32" s="23"/>
      <c r="F32" s="26"/>
      <c r="G32" s="8"/>
      <c r="H32" s="23"/>
      <c r="I32" s="58"/>
      <c r="J32" s="30"/>
      <c r="K32" s="9"/>
    </row>
    <row r="33" spans="1:11" ht="28.5" customHeight="1" x14ac:dyDescent="0.2">
      <c r="A33" s="57">
        <v>22</v>
      </c>
      <c r="B33" s="7"/>
      <c r="C33" s="58"/>
      <c r="D33" s="59"/>
      <c r="E33" s="23"/>
      <c r="F33" s="26"/>
      <c r="G33" s="8"/>
      <c r="H33" s="23"/>
      <c r="I33" s="58"/>
      <c r="J33" s="30"/>
      <c r="K33" s="9"/>
    </row>
    <row r="34" spans="1:11" ht="28.5" customHeight="1" x14ac:dyDescent="0.2">
      <c r="A34" s="57">
        <v>23</v>
      </c>
      <c r="B34" s="7"/>
      <c r="C34" s="58"/>
      <c r="D34" s="59"/>
      <c r="E34" s="23"/>
      <c r="F34" s="26"/>
      <c r="G34" s="8"/>
      <c r="H34" s="23"/>
      <c r="I34" s="58"/>
      <c r="J34" s="30"/>
      <c r="K34" s="9"/>
    </row>
    <row r="35" spans="1:11" ht="28.5" customHeight="1" x14ac:dyDescent="0.2">
      <c r="A35" s="57">
        <v>24</v>
      </c>
      <c r="B35" s="7"/>
      <c r="C35" s="58"/>
      <c r="D35" s="59"/>
      <c r="E35" s="23"/>
      <c r="F35" s="26"/>
      <c r="G35" s="8"/>
      <c r="H35" s="23"/>
      <c r="I35" s="58"/>
      <c r="J35" s="30"/>
      <c r="K35" s="9"/>
    </row>
    <row r="36" spans="1:11" ht="28.5" customHeight="1" x14ac:dyDescent="0.2">
      <c r="A36" s="57">
        <v>25</v>
      </c>
      <c r="B36" s="7"/>
      <c r="C36" s="58"/>
      <c r="D36" s="59"/>
      <c r="E36" s="23"/>
      <c r="F36" s="26"/>
      <c r="G36" s="8"/>
      <c r="H36" s="23"/>
      <c r="I36" s="58"/>
      <c r="J36" s="30"/>
      <c r="K36" s="9"/>
    </row>
    <row r="37" spans="1:11" ht="28.5" customHeight="1" x14ac:dyDescent="0.2">
      <c r="A37" s="57">
        <v>26</v>
      </c>
      <c r="B37" s="7"/>
      <c r="C37" s="58"/>
      <c r="D37" s="59"/>
      <c r="E37" s="23"/>
      <c r="F37" s="26"/>
      <c r="G37" s="8"/>
      <c r="H37" s="23"/>
      <c r="I37" s="58"/>
      <c r="J37" s="30"/>
      <c r="K37" s="9"/>
    </row>
    <row r="38" spans="1:11" ht="28.5" customHeight="1" x14ac:dyDescent="0.2">
      <c r="A38" s="57">
        <v>27</v>
      </c>
      <c r="B38" s="7"/>
      <c r="C38" s="58"/>
      <c r="D38" s="59"/>
      <c r="E38" s="23"/>
      <c r="F38" s="26"/>
      <c r="G38" s="8"/>
      <c r="H38" s="23"/>
      <c r="I38" s="58"/>
      <c r="J38" s="30"/>
      <c r="K38" s="9"/>
    </row>
    <row r="39" spans="1:11" ht="28.5" customHeight="1" x14ac:dyDescent="0.2">
      <c r="A39" s="57">
        <v>28</v>
      </c>
      <c r="B39" s="7"/>
      <c r="C39" s="58"/>
      <c r="D39" s="59"/>
      <c r="E39" s="23"/>
      <c r="F39" s="26"/>
      <c r="G39" s="8"/>
      <c r="H39" s="23"/>
      <c r="I39" s="58"/>
      <c r="J39" s="30"/>
      <c r="K39" s="9"/>
    </row>
    <row r="40" spans="1:11" ht="28.5" customHeight="1" x14ac:dyDescent="0.2">
      <c r="A40" s="57">
        <v>29</v>
      </c>
      <c r="B40" s="7"/>
      <c r="C40" s="58"/>
      <c r="D40" s="59"/>
      <c r="E40" s="23"/>
      <c r="F40" s="26"/>
      <c r="G40" s="8"/>
      <c r="H40" s="23"/>
      <c r="I40" s="58"/>
      <c r="J40" s="30"/>
      <c r="K40" s="9"/>
    </row>
    <row r="41" spans="1:11" ht="28.5" customHeight="1" x14ac:dyDescent="0.2">
      <c r="A41" s="57">
        <v>30</v>
      </c>
      <c r="B41" s="7"/>
      <c r="C41" s="58"/>
      <c r="D41" s="59"/>
      <c r="E41" s="23"/>
      <c r="F41" s="26"/>
      <c r="G41" s="8"/>
      <c r="H41" s="23"/>
      <c r="I41" s="58"/>
      <c r="J41" s="30"/>
      <c r="K41" s="9"/>
    </row>
    <row r="42" spans="1:11" ht="28.5" customHeight="1" thickBot="1" x14ac:dyDescent="0.25">
      <c r="A42" s="16">
        <v>31</v>
      </c>
      <c r="B42" s="17"/>
      <c r="C42" s="18"/>
      <c r="D42" s="19"/>
      <c r="E42" s="25"/>
      <c r="F42" s="28"/>
      <c r="G42" s="20"/>
      <c r="H42" s="25"/>
      <c r="I42" s="18"/>
      <c r="J42" s="32"/>
      <c r="K42" s="21"/>
    </row>
    <row r="43" spans="1:11" ht="31.5" customHeight="1" thickBot="1" x14ac:dyDescent="0.25">
      <c r="A43" s="152" t="s">
        <v>51</v>
      </c>
      <c r="B43" s="153"/>
      <c r="C43" s="154"/>
      <c r="D43" s="51" t="str">
        <f>IFERROR(AVERAGE(D12:D42),"")</f>
        <v/>
      </c>
      <c r="E43" s="176" t="s">
        <v>52</v>
      </c>
      <c r="F43" s="177"/>
      <c r="G43" s="177"/>
      <c r="H43" s="3"/>
      <c r="I43" s="3"/>
    </row>
    <row r="52" spans="7:7" x14ac:dyDescent="0.2">
      <c r="G52" s="33"/>
    </row>
  </sheetData>
  <mergeCells count="15">
    <mergeCell ref="A1:K1"/>
    <mergeCell ref="A43:C43"/>
    <mergeCell ref="A2:K2"/>
    <mergeCell ref="A8:D8"/>
    <mergeCell ref="J8:K8"/>
    <mergeCell ref="A9:A10"/>
    <mergeCell ref="B9:B10"/>
    <mergeCell ref="C9:C10"/>
    <mergeCell ref="D9:D10"/>
    <mergeCell ref="K9:K10"/>
    <mergeCell ref="E8:G8"/>
    <mergeCell ref="E9:G9"/>
    <mergeCell ref="E43:G43"/>
    <mergeCell ref="H9:J9"/>
    <mergeCell ref="A3:K3"/>
  </mergeCells>
  <phoneticPr fontId="5"/>
  <conditionalFormatting sqref="D42">
    <cfRule type="cellIs" dxfId="0" priority="1" operator="equal">
      <formula>0</formula>
    </cfRule>
  </conditionalFormatting>
  <printOptions horizontalCentered="1" verticalCentered="1"/>
  <pageMargins left="0.31496062992125984" right="0.31496062992125984" top="0.35433070866141736" bottom="0.35433070866141736" header="0.31496062992125984" footer="0.31496062992125984"/>
  <pageSetup paperSize="9" scale="65" orientation="portrait" useFirstPageNumber="1" horizontalDpi="1200" verticalDpi="1200" r:id="rId1"/>
  <headerFooter>
    <oddFooter>&amp;C&amp;18&amp;P</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F048D1A5853EDD4E91448AFD85BB1A3C" ma:contentTypeVersion="7" ma:contentTypeDescription="新しいドキュメントを作成します。" ma:contentTypeScope="" ma:versionID="e12a94a184c81cb36f4dfcda3ff77662">
  <xsd:schema xmlns:xsd="http://www.w3.org/2001/XMLSchema" xmlns:xs="http://www.w3.org/2001/XMLSchema" xmlns:p="http://schemas.microsoft.com/office/2006/metadata/properties" xmlns:ns2="f112dc9d-a8eb-4fb4-94a0-3b7eb629342c" targetNamespace="http://schemas.microsoft.com/office/2006/metadata/properties" ma:root="true" ma:fieldsID="f29effce302fd83c337ca8a0ec59cb79" ns2:_="">
    <xsd:import namespace="f112dc9d-a8eb-4fb4-94a0-3b7eb629342c"/>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112dc9d-a8eb-4fb4-94a0-3b7eb629342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2FD100-8D98-4625-AD6F-56CC8E2C253E}">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f112dc9d-a8eb-4fb4-94a0-3b7eb629342c"/>
    <ds:schemaRef ds:uri="http://www.w3.org/XML/1998/namespace"/>
    <ds:schemaRef ds:uri="http://purl.org/dc/dcmitype/"/>
  </ds:schemaRefs>
</ds:datastoreItem>
</file>

<file path=customXml/itemProps2.xml><?xml version="1.0" encoding="utf-8"?>
<ds:datastoreItem xmlns:ds="http://schemas.openxmlformats.org/officeDocument/2006/customXml" ds:itemID="{282719C9-FC48-442C-9F6E-AEC3C03AEFB5}">
  <ds:schemaRefs>
    <ds:schemaRef ds:uri="http://schemas.microsoft.com/sharepoint/v3/contenttype/forms"/>
  </ds:schemaRefs>
</ds:datastoreItem>
</file>

<file path=customXml/itemProps3.xml><?xml version="1.0" encoding="utf-8"?>
<ds:datastoreItem xmlns:ds="http://schemas.openxmlformats.org/officeDocument/2006/customXml" ds:itemID="{BDD6331A-3C41-47F2-A400-9834D0ED5B3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112dc9d-a8eb-4fb4-94a0-3b7eb629342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健康チェックシ－トの利用方法</vt:lpstr>
      <vt:lpstr>チ－ム名簿</vt:lpstr>
      <vt:lpstr>健康チェックシート(提出用）</vt:lpstr>
      <vt:lpstr>自己管理用</vt:lpstr>
      <vt:lpstr>'チ－ム名簿'!Print_Area</vt:lpstr>
      <vt:lpstr>'健康チェックシート(提出用）'!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増本 伸弘</dc:creator>
  <cp:keywords/>
  <dc:description/>
  <cp:lastModifiedBy>1131.伊庭　康雄</cp:lastModifiedBy>
  <cp:revision/>
  <cp:lastPrinted>2022-04-28T02:28:51Z</cp:lastPrinted>
  <dcterms:created xsi:type="dcterms:W3CDTF">2020-03-18T14:21:52Z</dcterms:created>
  <dcterms:modified xsi:type="dcterms:W3CDTF">2022-12-04T00:12:5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48D1A5853EDD4E91448AFD85BB1A3C</vt:lpwstr>
  </property>
</Properties>
</file>